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30"/>
  </p:notesMasterIdLst>
  <p:handoutMasterIdLst>
    <p:handoutMasterId r:id="rId31"/>
  </p:handoutMasterIdLst>
  <p:sldIdLst>
    <p:sldId id="316" r:id="rId5"/>
    <p:sldId id="4113" r:id="rId6"/>
    <p:sldId id="4111" r:id="rId7"/>
    <p:sldId id="4108" r:id="rId8"/>
    <p:sldId id="1464" r:id="rId9"/>
    <p:sldId id="4120" r:id="rId10"/>
    <p:sldId id="4158" r:id="rId11"/>
    <p:sldId id="4162" r:id="rId12"/>
    <p:sldId id="4156" r:id="rId13"/>
    <p:sldId id="4163" r:id="rId14"/>
    <p:sldId id="4110" r:id="rId15"/>
    <p:sldId id="4109" r:id="rId16"/>
    <p:sldId id="4114" r:id="rId17"/>
    <p:sldId id="4161" r:id="rId18"/>
    <p:sldId id="4160" r:id="rId19"/>
    <p:sldId id="4159" r:id="rId20"/>
    <p:sldId id="4157" r:id="rId21"/>
    <p:sldId id="4155" r:id="rId22"/>
    <p:sldId id="4150" r:id="rId23"/>
    <p:sldId id="4149" r:id="rId24"/>
    <p:sldId id="4121" r:id="rId25"/>
    <p:sldId id="4119" r:id="rId26"/>
    <p:sldId id="4117" r:id="rId27"/>
    <p:sldId id="4112" r:id="rId28"/>
    <p:sldId id="4100" r:id="rId2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4" userDrawn="1">
          <p15:clr>
            <a:srgbClr val="A4A3A4"/>
          </p15:clr>
        </p15:guide>
        <p15:guide id="2" pos="216" userDrawn="1">
          <p15:clr>
            <a:srgbClr val="A4A3A4"/>
          </p15:clr>
        </p15:guide>
        <p15:guide id="3" pos="7464" userDrawn="1">
          <p15:clr>
            <a:srgbClr val="A4A3A4"/>
          </p15:clr>
        </p15:guide>
        <p15:guide id="4" orient="horz" pos="3888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556BF2D-2A15-3594-12A9-124D7723F8AE}" name="Oleg Stroganov" initials="OS" userId="S::oleg.stroganov@ranchobiosciences.com::72162ba4-8119-4aec-b3de-9997a8a10097" providerId="AD"/>
  <p188:author id="{BA71A9C0-C1CB-66CA-8EF4-A506523F5738}" name="Sarah Tahir" initials="ST" userId="S::sarah.tahir@ranchobiosciences.com::d3593e20-30cf-4cfc-ad44-c3fba6892637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icrosoft account" initials="Ma" lastIdx="5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1E48B"/>
    <a:srgbClr val="4F2210"/>
    <a:srgbClr val="61AB33"/>
    <a:srgbClr val="F664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31F6A66-8494-4F11-BB85-921E081D5EC6}" v="1017" dt="2024-11-25T20:05:59.135"/>
    <p1510:client id="{A72F5A76-47BD-4E2A-A184-ABAAED224CBE}" v="65" dt="2024-11-25T23:09:36.739"/>
    <p1510:client id="{FC0F654B-E51D-4497-9182-0C5167714ACA}" v="86" dt="2024-11-25T20:04:35.55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264"/>
        <p:guide pos="216"/>
        <p:guide pos="7464"/>
        <p:guide orient="horz" pos="3888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microsoft.com/office/2018/10/relationships/authors" Target="authors.xml"/><Relationship Id="rId21" Type="http://schemas.openxmlformats.org/officeDocument/2006/relationships/slide" Target="slides/slide17.xml"/><Relationship Id="rId34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presProps" Target="presProps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commentAuthors" Target="commentAuthors.xml"/><Relationship Id="rId37" Type="http://schemas.microsoft.com/office/2016/11/relationships/changesInfo" Target="changesInfos/changesInfo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notesMaster" Target="notesMasters/notesMaster1.xml"/><Relationship Id="rId35" Type="http://schemas.openxmlformats.org/officeDocument/2006/relationships/theme" Target="theme/theme1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ames Petts" userId="S::james.petts@ranchobiosciences.com::a01812bf-154b-4c06-9207-bc48c4160e0b" providerId="AD" clId="Web-{C1D11216-B822-478E-B941-1BB91ECBCA40}"/>
    <pc:docChg chg="modSld">
      <pc:chgData name="James Petts" userId="S::james.petts@ranchobiosciences.com::a01812bf-154b-4c06-9207-bc48c4160e0b" providerId="AD" clId="Web-{C1D11216-B822-478E-B941-1BB91ECBCA40}" dt="2023-09-05T16:55:09.169" v="58" actId="20577"/>
      <pc:docMkLst>
        <pc:docMk/>
      </pc:docMkLst>
      <pc:sldChg chg="modSp">
        <pc:chgData name="James Petts" userId="S::james.petts@ranchobiosciences.com::a01812bf-154b-4c06-9207-bc48c4160e0b" providerId="AD" clId="Web-{C1D11216-B822-478E-B941-1BB91ECBCA40}" dt="2023-09-05T16:55:09.169" v="58" actId="20577"/>
        <pc:sldMkLst>
          <pc:docMk/>
          <pc:sldMk cId="1982500235" sldId="1504"/>
        </pc:sldMkLst>
      </pc:sldChg>
    </pc:docChg>
  </pc:docChgLst>
  <pc:docChgLst>
    <pc:chgData name="Oleg Stroganov" userId="S::oleg.stroganov@ranchobiosciences.com::72162ba4-8119-4aec-b3de-9997a8a10097" providerId="AD" clId="Web-{B744AC6D-28E8-6949-AB89-4373910235CA}"/>
    <pc:docChg chg="modSld">
      <pc:chgData name="Oleg Stroganov" userId="S::oleg.stroganov@ranchobiosciences.com::72162ba4-8119-4aec-b3de-9997a8a10097" providerId="AD" clId="Web-{B744AC6D-28E8-6949-AB89-4373910235CA}" dt="2024-07-11T16:15:28.991" v="5" actId="20577"/>
      <pc:docMkLst>
        <pc:docMk/>
      </pc:docMkLst>
      <pc:sldChg chg="modSp">
        <pc:chgData name="Oleg Stroganov" userId="S::oleg.stroganov@ranchobiosciences.com::72162ba4-8119-4aec-b3de-9997a8a10097" providerId="AD" clId="Web-{B744AC6D-28E8-6949-AB89-4373910235CA}" dt="2024-07-11T16:15:28.991" v="5" actId="20577"/>
        <pc:sldMkLst>
          <pc:docMk/>
          <pc:sldMk cId="2581634024" sldId="325"/>
        </pc:sldMkLst>
      </pc:sldChg>
    </pc:docChg>
  </pc:docChgLst>
  <pc:docChgLst>
    <pc:chgData name="Crystal Straughter" userId="S::crystal.straughter@ranchobiosciences.com::e34ed752-ad53-4a4a-a281-1690e6ef6d17" providerId="AD" clId="Web-{623B49A9-CC4A-47AE-96C9-F1EA55ADCA8B}"/>
    <pc:docChg chg="delSld modSld">
      <pc:chgData name="Crystal Straughter" userId="S::crystal.straughter@ranchobiosciences.com::e34ed752-ad53-4a4a-a281-1690e6ef6d17" providerId="AD" clId="Web-{623B49A9-CC4A-47AE-96C9-F1EA55ADCA8B}" dt="2023-09-12T12:18:21.076" v="2"/>
      <pc:docMkLst>
        <pc:docMk/>
      </pc:docMkLst>
      <pc:sldChg chg="del">
        <pc:chgData name="Crystal Straughter" userId="S::crystal.straughter@ranchobiosciences.com::e34ed752-ad53-4a4a-a281-1690e6ef6d17" providerId="AD" clId="Web-{623B49A9-CC4A-47AE-96C9-F1EA55ADCA8B}" dt="2023-09-12T12:18:21.076" v="2"/>
        <pc:sldMkLst>
          <pc:docMk/>
          <pc:sldMk cId="736288069" sldId="4107"/>
        </pc:sldMkLst>
      </pc:sldChg>
    </pc:docChg>
  </pc:docChgLst>
  <pc:docChgLst>
    <pc:chgData name="Sarah Tahir" userId="S::sarah.tahir@ranchobiosciences.com::d3593e20-30cf-4cfc-ad44-c3fba6892637" providerId="AD" clId="Web-{9DDD835D-A938-5D06-2E8F-DCAEBD43807E}"/>
    <pc:docChg chg="addSld modSld sldOrd">
      <pc:chgData name="Sarah Tahir" userId="S::sarah.tahir@ranchobiosciences.com::d3593e20-30cf-4cfc-ad44-c3fba6892637" providerId="AD" clId="Web-{9DDD835D-A938-5D06-2E8F-DCAEBD43807E}" dt="2024-09-25T16:57:08.424" v="52" actId="20577"/>
      <pc:docMkLst>
        <pc:docMk/>
      </pc:docMkLst>
      <pc:sldChg chg="modSp">
        <pc:chgData name="Sarah Tahir" userId="S::sarah.tahir@ranchobiosciences.com::d3593e20-30cf-4cfc-ad44-c3fba6892637" providerId="AD" clId="Web-{9DDD835D-A938-5D06-2E8F-DCAEBD43807E}" dt="2024-09-25T16:55:33.657" v="35" actId="20577"/>
        <pc:sldMkLst>
          <pc:docMk/>
          <pc:sldMk cId="1116397748" sldId="4113"/>
        </pc:sldMkLst>
        <pc:spChg chg="mod">
          <ac:chgData name="Sarah Tahir" userId="S::sarah.tahir@ranchobiosciences.com::d3593e20-30cf-4cfc-ad44-c3fba6892637" providerId="AD" clId="Web-{9DDD835D-A938-5D06-2E8F-DCAEBD43807E}" dt="2024-09-25T16:55:33.657" v="35" actId="20577"/>
          <ac:spMkLst>
            <pc:docMk/>
            <pc:sldMk cId="1116397748" sldId="4113"/>
            <ac:spMk id="3" creationId="{E5CCBE34-780D-3A82-41AE-128B835D4904}"/>
          </ac:spMkLst>
        </pc:spChg>
      </pc:sldChg>
      <pc:sldChg chg="addSp modSp new mod ord modClrScheme modCm chgLayout">
        <pc:chgData name="Sarah Tahir" userId="S::sarah.tahir@ranchobiosciences.com::d3593e20-30cf-4cfc-ad44-c3fba6892637" providerId="AD" clId="Web-{9DDD835D-A938-5D06-2E8F-DCAEBD43807E}" dt="2024-09-25T16:56:58.393" v="51" actId="20577"/>
        <pc:sldMkLst>
          <pc:docMk/>
          <pc:sldMk cId="1662207496" sldId="4153"/>
        </pc:sldMkLst>
        <pc:spChg chg="mod ord">
          <ac:chgData name="Sarah Tahir" userId="S::sarah.tahir@ranchobiosciences.com::d3593e20-30cf-4cfc-ad44-c3fba6892637" providerId="AD" clId="Web-{9DDD835D-A938-5D06-2E8F-DCAEBD43807E}" dt="2024-09-25T16:55:22.407" v="25" actId="20577"/>
          <ac:spMkLst>
            <pc:docMk/>
            <pc:sldMk cId="1662207496" sldId="4153"/>
            <ac:spMk id="2" creationId="{802705D6-F30D-67DE-3B00-5D266B377687}"/>
          </ac:spMkLst>
        </pc:spChg>
        <pc:spChg chg="add mod ord">
          <ac:chgData name="Sarah Tahir" userId="S::sarah.tahir@ranchobiosciences.com::d3593e20-30cf-4cfc-ad44-c3fba6892637" providerId="AD" clId="Web-{9DDD835D-A938-5D06-2E8F-DCAEBD43807E}" dt="2024-09-25T16:56:58.393" v="51" actId="20577"/>
          <ac:spMkLst>
            <pc:docMk/>
            <pc:sldMk cId="1662207496" sldId="4153"/>
            <ac:spMk id="3" creationId="{6A2D4F7F-8DF6-AE4B-8DC2-CEBAE8F528BB}"/>
          </ac:spMkLst>
        </pc:spChg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Sarah Tahir" userId="S::sarah.tahir@ranchobiosciences.com::d3593e20-30cf-4cfc-ad44-c3fba6892637" providerId="AD" clId="Web-{9DDD835D-A938-5D06-2E8F-DCAEBD43807E}" dt="2024-09-25T16:56:58.393" v="51" actId="20577"/>
              <pc2:cmMkLst xmlns:pc2="http://schemas.microsoft.com/office/powerpoint/2019/9/main/command">
                <pc:docMk/>
                <pc:sldMk cId="1662207496" sldId="4153"/>
                <pc2:cmMk id="{93DFF9B4-9799-414C-BC0B-5373FC163C04}"/>
              </pc2:cmMkLst>
            </pc226:cmChg>
          </p:ext>
        </pc:extLst>
      </pc:sldChg>
      <pc:sldChg chg="modSp add ord replId">
        <pc:chgData name="Sarah Tahir" userId="S::sarah.tahir@ranchobiosciences.com::d3593e20-30cf-4cfc-ad44-c3fba6892637" providerId="AD" clId="Web-{9DDD835D-A938-5D06-2E8F-DCAEBD43807E}" dt="2024-09-25T16:55:50.954" v="39"/>
        <pc:sldMkLst>
          <pc:docMk/>
          <pc:sldMk cId="919408847" sldId="4154"/>
        </pc:sldMkLst>
        <pc:spChg chg="mod">
          <ac:chgData name="Sarah Tahir" userId="S::sarah.tahir@ranchobiosciences.com::d3593e20-30cf-4cfc-ad44-c3fba6892637" providerId="AD" clId="Web-{9DDD835D-A938-5D06-2E8F-DCAEBD43807E}" dt="2024-09-25T16:55:45.689" v="38" actId="20577"/>
          <ac:spMkLst>
            <pc:docMk/>
            <pc:sldMk cId="919408847" sldId="4154"/>
            <ac:spMk id="4" creationId="{0AA3FC19-8F85-B195-BCAA-AEF11A55F834}"/>
          </ac:spMkLst>
        </pc:spChg>
      </pc:sldChg>
      <pc:sldChg chg="add ord replId">
        <pc:chgData name="Sarah Tahir" userId="S::sarah.tahir@ranchobiosciences.com::d3593e20-30cf-4cfc-ad44-c3fba6892637" providerId="AD" clId="Web-{9DDD835D-A938-5D06-2E8F-DCAEBD43807E}" dt="2024-09-25T16:56:25.799" v="46"/>
        <pc:sldMkLst>
          <pc:docMk/>
          <pc:sldMk cId="988375474" sldId="4155"/>
        </pc:sldMkLst>
      </pc:sldChg>
    </pc:docChg>
  </pc:docChgLst>
  <pc:docChgLst>
    <pc:chgData name="Sarah Tahir" userId="S::sarah.tahir@ranchobiosciences.com::d3593e20-30cf-4cfc-ad44-c3fba6892637" providerId="AD" clId="Web-{52AABF3C-E6B5-6F08-A08E-EC164EB54C7C}"/>
    <pc:docChg chg="modSld">
      <pc:chgData name="Sarah Tahir" userId="S::sarah.tahir@ranchobiosciences.com::d3593e20-30cf-4cfc-ad44-c3fba6892637" providerId="AD" clId="Web-{52AABF3C-E6B5-6F08-A08E-EC164EB54C7C}" dt="2024-10-28T17:13:15.725" v="3" actId="20577"/>
      <pc:docMkLst>
        <pc:docMk/>
      </pc:docMkLst>
      <pc:sldChg chg="modSp">
        <pc:chgData name="Sarah Tahir" userId="S::sarah.tahir@ranchobiosciences.com::d3593e20-30cf-4cfc-ad44-c3fba6892637" providerId="AD" clId="Web-{52AABF3C-E6B5-6F08-A08E-EC164EB54C7C}" dt="2024-10-28T17:13:15.725" v="3" actId="20577"/>
        <pc:sldMkLst>
          <pc:docMk/>
          <pc:sldMk cId="3748806520" sldId="4108"/>
        </pc:sldMkLst>
        <pc:spChg chg="mod">
          <ac:chgData name="Sarah Tahir" userId="S::sarah.tahir@ranchobiosciences.com::d3593e20-30cf-4cfc-ad44-c3fba6892637" providerId="AD" clId="Web-{52AABF3C-E6B5-6F08-A08E-EC164EB54C7C}" dt="2024-10-28T17:13:15.725" v="3" actId="20577"/>
          <ac:spMkLst>
            <pc:docMk/>
            <pc:sldMk cId="3748806520" sldId="4108"/>
            <ac:spMk id="75" creationId="{744C575B-4C99-8B86-640E-B57FED9B8C63}"/>
          </ac:spMkLst>
        </pc:spChg>
      </pc:sldChg>
    </pc:docChg>
  </pc:docChgLst>
  <pc:docChgLst>
    <pc:chgData name="Oleg Stroganov" userId="72162ba4-8119-4aec-b3de-9997a8a10097" providerId="ADAL" clId="{A31F6A66-8494-4F11-BB85-921E081D5EC6}"/>
    <pc:docChg chg="undo custSel addSld delSld modSld sldOrd">
      <pc:chgData name="Oleg Stroganov" userId="72162ba4-8119-4aec-b3de-9997a8a10097" providerId="ADAL" clId="{A31F6A66-8494-4F11-BB85-921E081D5EC6}" dt="2024-11-25T20:05:59.135" v="1003" actId="20577"/>
      <pc:docMkLst>
        <pc:docMk/>
      </pc:docMkLst>
      <pc:sldChg chg="modSp mod">
        <pc:chgData name="Oleg Stroganov" userId="72162ba4-8119-4aec-b3de-9997a8a10097" providerId="ADAL" clId="{A31F6A66-8494-4F11-BB85-921E081D5EC6}" dt="2024-11-25T17:18:26.143" v="93" actId="14100"/>
        <pc:sldMkLst>
          <pc:docMk/>
          <pc:sldMk cId="745311550" sldId="4120"/>
        </pc:sldMkLst>
        <pc:spChg chg="mod">
          <ac:chgData name="Oleg Stroganov" userId="72162ba4-8119-4aec-b3de-9997a8a10097" providerId="ADAL" clId="{A31F6A66-8494-4F11-BB85-921E081D5EC6}" dt="2024-11-25T17:17:29.791" v="87" actId="6549"/>
          <ac:spMkLst>
            <pc:docMk/>
            <pc:sldMk cId="745311550" sldId="4120"/>
            <ac:spMk id="3" creationId="{5AE8FD57-85E1-67C8-D670-A35E9033BDCF}"/>
          </ac:spMkLst>
        </pc:spChg>
        <pc:graphicFrameChg chg="mod modGraphic">
          <ac:chgData name="Oleg Stroganov" userId="72162ba4-8119-4aec-b3de-9997a8a10097" providerId="ADAL" clId="{A31F6A66-8494-4F11-BB85-921E081D5EC6}" dt="2024-11-25T17:18:26.143" v="93" actId="14100"/>
          <ac:graphicFrameMkLst>
            <pc:docMk/>
            <pc:sldMk cId="745311550" sldId="4120"/>
            <ac:graphicFrameMk id="7" creationId="{4B296185-77AA-02D5-D466-1644776C62F2}"/>
          </ac:graphicFrameMkLst>
        </pc:graphicFrameChg>
      </pc:sldChg>
      <pc:sldChg chg="del">
        <pc:chgData name="Oleg Stroganov" userId="72162ba4-8119-4aec-b3de-9997a8a10097" providerId="ADAL" clId="{A31F6A66-8494-4F11-BB85-921E081D5EC6}" dt="2024-11-25T17:20:08.939" v="94" actId="47"/>
        <pc:sldMkLst>
          <pc:docMk/>
          <pc:sldMk cId="1662207496" sldId="4153"/>
        </pc:sldMkLst>
      </pc:sldChg>
      <pc:sldChg chg="del">
        <pc:chgData name="Oleg Stroganov" userId="72162ba4-8119-4aec-b3de-9997a8a10097" providerId="ADAL" clId="{A31F6A66-8494-4F11-BB85-921E081D5EC6}" dt="2024-11-25T17:20:21.235" v="129" actId="47"/>
        <pc:sldMkLst>
          <pc:docMk/>
          <pc:sldMk cId="919408847" sldId="4154"/>
        </pc:sldMkLst>
      </pc:sldChg>
      <pc:sldChg chg="addSp modSp mod ord">
        <pc:chgData name="Oleg Stroganov" userId="72162ba4-8119-4aec-b3de-9997a8a10097" providerId="ADAL" clId="{A31F6A66-8494-4F11-BB85-921E081D5EC6}" dt="2024-11-25T17:23:34.986" v="437" actId="1076"/>
        <pc:sldMkLst>
          <pc:docMk/>
          <pc:sldMk cId="1895437816" sldId="4156"/>
        </pc:sldMkLst>
        <pc:spChg chg="mod">
          <ac:chgData name="Oleg Stroganov" userId="72162ba4-8119-4aec-b3de-9997a8a10097" providerId="ADAL" clId="{A31F6A66-8494-4F11-BB85-921E081D5EC6}" dt="2024-11-25T17:23:34.986" v="437" actId="1076"/>
          <ac:spMkLst>
            <pc:docMk/>
            <pc:sldMk cId="1895437816" sldId="4156"/>
            <ac:spMk id="3" creationId="{2DE6A92E-1AAA-A48C-0236-6DF22F5908CF}"/>
          </ac:spMkLst>
        </pc:spChg>
        <pc:picChg chg="add mod">
          <ac:chgData name="Oleg Stroganov" userId="72162ba4-8119-4aec-b3de-9997a8a10097" providerId="ADAL" clId="{A31F6A66-8494-4F11-BB85-921E081D5EC6}" dt="2024-11-25T17:23:29.743" v="435" actId="1076"/>
          <ac:picMkLst>
            <pc:docMk/>
            <pc:sldMk cId="1895437816" sldId="4156"/>
            <ac:picMk id="5" creationId="{95F46E14-A64A-5BF6-10CA-F31373E506BA}"/>
          </ac:picMkLst>
        </pc:picChg>
      </pc:sldChg>
      <pc:sldChg chg="addSp delSp modSp mod">
        <pc:chgData name="Oleg Stroganov" userId="72162ba4-8119-4aec-b3de-9997a8a10097" providerId="ADAL" clId="{A31F6A66-8494-4F11-BB85-921E081D5EC6}" dt="2024-11-25T17:16:57.663" v="47" actId="20577"/>
        <pc:sldMkLst>
          <pc:docMk/>
          <pc:sldMk cId="953843083" sldId="4158"/>
        </pc:sldMkLst>
        <pc:spChg chg="add mod">
          <ac:chgData name="Oleg Stroganov" userId="72162ba4-8119-4aec-b3de-9997a8a10097" providerId="ADAL" clId="{A31F6A66-8494-4F11-BB85-921E081D5EC6}" dt="2024-11-25T17:16:25.853" v="30" actId="20577"/>
          <ac:spMkLst>
            <pc:docMk/>
            <pc:sldMk cId="953843083" sldId="4158"/>
            <ac:spMk id="10" creationId="{932166D1-219B-8704-D4E5-BB9ADB97173E}"/>
          </ac:spMkLst>
        </pc:spChg>
        <pc:spChg chg="mod">
          <ac:chgData name="Oleg Stroganov" userId="72162ba4-8119-4aec-b3de-9997a8a10097" providerId="ADAL" clId="{A31F6A66-8494-4F11-BB85-921E081D5EC6}" dt="2024-11-25T17:16:57.663" v="47" actId="20577"/>
          <ac:spMkLst>
            <pc:docMk/>
            <pc:sldMk cId="953843083" sldId="4158"/>
            <ac:spMk id="18" creationId="{89C26D10-5F2B-1903-B5EF-5343A79E0BC2}"/>
          </ac:spMkLst>
        </pc:spChg>
        <pc:graphicFrameChg chg="add mod">
          <ac:chgData name="Oleg Stroganov" userId="72162ba4-8119-4aec-b3de-9997a8a10097" providerId="ADAL" clId="{A31F6A66-8494-4F11-BB85-921E081D5EC6}" dt="2024-11-25T17:15:11.891" v="2"/>
          <ac:graphicFrameMkLst>
            <pc:docMk/>
            <pc:sldMk cId="953843083" sldId="4158"/>
            <ac:graphicFrameMk id="3" creationId="{4A3D7765-1D0D-00C1-585B-89DB7996B647}"/>
          </ac:graphicFrameMkLst>
        </pc:graphicFrameChg>
        <pc:graphicFrameChg chg="add mod">
          <ac:chgData name="Oleg Stroganov" userId="72162ba4-8119-4aec-b3de-9997a8a10097" providerId="ADAL" clId="{A31F6A66-8494-4F11-BB85-921E081D5EC6}" dt="2024-11-25T17:15:24.301" v="6" actId="1076"/>
          <ac:graphicFrameMkLst>
            <pc:docMk/>
            <pc:sldMk cId="953843083" sldId="4158"/>
            <ac:graphicFrameMk id="4" creationId="{A32E5AFB-3E07-3D8C-5DC7-847B386C0DE7}"/>
          </ac:graphicFrameMkLst>
        </pc:graphicFrameChg>
        <pc:graphicFrameChg chg="add mod">
          <ac:chgData name="Oleg Stroganov" userId="72162ba4-8119-4aec-b3de-9997a8a10097" providerId="ADAL" clId="{A31F6A66-8494-4F11-BB85-921E081D5EC6}" dt="2024-11-25T17:15:46.376" v="8"/>
          <ac:graphicFrameMkLst>
            <pc:docMk/>
            <pc:sldMk cId="953843083" sldId="4158"/>
            <ac:graphicFrameMk id="6" creationId="{6C804752-4AD2-F16B-005A-1B66CF563699}"/>
          </ac:graphicFrameMkLst>
        </pc:graphicFrameChg>
        <pc:graphicFrameChg chg="add mod">
          <ac:chgData name="Oleg Stroganov" userId="72162ba4-8119-4aec-b3de-9997a8a10097" providerId="ADAL" clId="{A31F6A66-8494-4F11-BB85-921E081D5EC6}" dt="2024-11-25T17:15:51.149" v="10" actId="1076"/>
          <ac:graphicFrameMkLst>
            <pc:docMk/>
            <pc:sldMk cId="953843083" sldId="4158"/>
            <ac:graphicFrameMk id="7" creationId="{47034EFD-07C8-1854-17A4-F3015819CF39}"/>
          </ac:graphicFrameMkLst>
        </pc:graphicFrameChg>
        <pc:graphicFrameChg chg="del mod">
          <ac:chgData name="Oleg Stroganov" userId="72162ba4-8119-4aec-b3de-9997a8a10097" providerId="ADAL" clId="{A31F6A66-8494-4F11-BB85-921E081D5EC6}" dt="2024-11-25T17:15:20.775" v="5" actId="478"/>
          <ac:graphicFrameMkLst>
            <pc:docMk/>
            <pc:sldMk cId="953843083" sldId="4158"/>
            <ac:graphicFrameMk id="9" creationId="{9CF586C0-844F-36AD-60B3-98A65C265356}"/>
          </ac:graphicFrameMkLst>
        </pc:graphicFrameChg>
        <pc:graphicFrameChg chg="add del mod">
          <ac:chgData name="Oleg Stroganov" userId="72162ba4-8119-4aec-b3de-9997a8a10097" providerId="ADAL" clId="{A31F6A66-8494-4F11-BB85-921E081D5EC6}" dt="2024-11-25T17:16:40.137" v="35" actId="478"/>
          <ac:graphicFrameMkLst>
            <pc:docMk/>
            <pc:sldMk cId="953843083" sldId="4158"/>
            <ac:graphicFrameMk id="11" creationId="{421F71F4-E132-702D-3A35-42298A72547A}"/>
          </ac:graphicFrameMkLst>
        </pc:graphicFrameChg>
        <pc:graphicFrameChg chg="del">
          <ac:chgData name="Oleg Stroganov" userId="72162ba4-8119-4aec-b3de-9997a8a10097" providerId="ADAL" clId="{A31F6A66-8494-4F11-BB85-921E081D5EC6}" dt="2024-11-25T17:15:42.024" v="7" actId="478"/>
          <ac:graphicFrameMkLst>
            <pc:docMk/>
            <pc:sldMk cId="953843083" sldId="4158"/>
            <ac:graphicFrameMk id="12" creationId="{A7F32ED6-175F-60D4-B6CF-FA2CE2C83C12}"/>
          </ac:graphicFrameMkLst>
        </pc:graphicFrameChg>
        <pc:graphicFrameChg chg="add mod">
          <ac:chgData name="Oleg Stroganov" userId="72162ba4-8119-4aec-b3de-9997a8a10097" providerId="ADAL" clId="{A31F6A66-8494-4F11-BB85-921E081D5EC6}" dt="2024-11-25T17:16:30.793" v="31"/>
          <ac:graphicFrameMkLst>
            <pc:docMk/>
            <pc:sldMk cId="953843083" sldId="4158"/>
            <ac:graphicFrameMk id="15" creationId="{5993D99D-5016-E19A-9139-4AB9ABC6CAB5}"/>
          </ac:graphicFrameMkLst>
        </pc:graphicFrameChg>
        <pc:graphicFrameChg chg="add mod modGraphic">
          <ac:chgData name="Oleg Stroganov" userId="72162ba4-8119-4aec-b3de-9997a8a10097" providerId="ADAL" clId="{A31F6A66-8494-4F11-BB85-921E081D5EC6}" dt="2024-11-25T17:16:43.176" v="36" actId="1076"/>
          <ac:graphicFrameMkLst>
            <pc:docMk/>
            <pc:sldMk cId="953843083" sldId="4158"/>
            <ac:graphicFrameMk id="16" creationId="{9C7E1EBF-F19E-2768-756F-DADB7EBFC27F}"/>
          </ac:graphicFrameMkLst>
        </pc:graphicFrameChg>
      </pc:sldChg>
      <pc:sldChg chg="modSp add mod ord">
        <pc:chgData name="Oleg Stroganov" userId="72162ba4-8119-4aec-b3de-9997a8a10097" providerId="ADAL" clId="{A31F6A66-8494-4F11-BB85-921E081D5EC6}" dt="2024-11-25T17:21:15.300" v="311"/>
        <pc:sldMkLst>
          <pc:docMk/>
          <pc:sldMk cId="3250108279" sldId="4162"/>
        </pc:sldMkLst>
        <pc:spChg chg="mod">
          <ac:chgData name="Oleg Stroganov" userId="72162ba4-8119-4aec-b3de-9997a8a10097" providerId="ADAL" clId="{A31F6A66-8494-4F11-BB85-921E081D5EC6}" dt="2024-11-25T17:20:35.416" v="165" actId="21"/>
          <ac:spMkLst>
            <pc:docMk/>
            <pc:sldMk cId="3250108279" sldId="4162"/>
            <ac:spMk id="2" creationId="{8692711C-F9CD-FCA3-D44B-E483797D194A}"/>
          </ac:spMkLst>
        </pc:spChg>
        <pc:spChg chg="mod">
          <ac:chgData name="Oleg Stroganov" userId="72162ba4-8119-4aec-b3de-9997a8a10097" providerId="ADAL" clId="{A31F6A66-8494-4F11-BB85-921E081D5EC6}" dt="2024-11-25T17:21:13.649" v="309" actId="20577"/>
          <ac:spMkLst>
            <pc:docMk/>
            <pc:sldMk cId="3250108279" sldId="4162"/>
            <ac:spMk id="3" creationId="{B2136DCC-CAC5-B64E-435D-8D61FBE0B81C}"/>
          </ac:spMkLst>
        </pc:spChg>
      </pc:sldChg>
      <pc:sldChg chg="delSp modSp add mod">
        <pc:chgData name="Oleg Stroganov" userId="72162ba4-8119-4aec-b3de-9997a8a10097" providerId="ADAL" clId="{A31F6A66-8494-4F11-BB85-921E081D5EC6}" dt="2024-11-25T20:05:59.135" v="1003" actId="20577"/>
        <pc:sldMkLst>
          <pc:docMk/>
          <pc:sldMk cId="2898783799" sldId="4163"/>
        </pc:sldMkLst>
        <pc:spChg chg="mod">
          <ac:chgData name="Oleg Stroganov" userId="72162ba4-8119-4aec-b3de-9997a8a10097" providerId="ADAL" clId="{A31F6A66-8494-4F11-BB85-921E081D5EC6}" dt="2024-11-25T20:05:59.135" v="1003" actId="20577"/>
          <ac:spMkLst>
            <pc:docMk/>
            <pc:sldMk cId="2898783799" sldId="4163"/>
            <ac:spMk id="3" creationId="{DA21E13A-4C44-AC31-8E5F-E4332F232585}"/>
          </ac:spMkLst>
        </pc:spChg>
        <pc:picChg chg="del">
          <ac:chgData name="Oleg Stroganov" userId="72162ba4-8119-4aec-b3de-9997a8a10097" providerId="ADAL" clId="{A31F6A66-8494-4F11-BB85-921E081D5EC6}" dt="2024-11-25T17:23:38.665" v="439" actId="478"/>
          <ac:picMkLst>
            <pc:docMk/>
            <pc:sldMk cId="2898783799" sldId="4163"/>
            <ac:picMk id="5" creationId="{F5E55BF2-9EC3-BD6E-9FF2-63729B571081}"/>
          </ac:picMkLst>
        </pc:picChg>
      </pc:sldChg>
    </pc:docChg>
  </pc:docChgLst>
  <pc:docChgLst>
    <pc:chgData name="Oleg Stroganov" userId="72162ba4-8119-4aec-b3de-9997a8a10097" providerId="ADAL" clId="{DE91633C-1573-435F-9F6B-22A953E3C425}"/>
    <pc:docChg chg="undo custSel addSld delSld modSld sldOrd">
      <pc:chgData name="Oleg Stroganov" userId="72162ba4-8119-4aec-b3de-9997a8a10097" providerId="ADAL" clId="{DE91633C-1573-435F-9F6B-22A953E3C425}" dt="2024-08-05T18:55:14.967" v="519" actId="20577"/>
      <pc:docMkLst>
        <pc:docMk/>
      </pc:docMkLst>
      <pc:sldChg chg="addSp modSp mod ord">
        <pc:chgData name="Oleg Stroganov" userId="72162ba4-8119-4aec-b3de-9997a8a10097" providerId="ADAL" clId="{DE91633C-1573-435F-9F6B-22A953E3C425}" dt="2024-08-05T18:55:14.967" v="519" actId="20577"/>
        <pc:sldMkLst>
          <pc:docMk/>
          <pc:sldMk cId="1680011828" sldId="4115"/>
        </pc:sldMkLst>
      </pc:sldChg>
      <pc:sldChg chg="modSp del mod">
        <pc:chgData name="Oleg Stroganov" userId="72162ba4-8119-4aec-b3de-9997a8a10097" providerId="ADAL" clId="{DE91633C-1573-435F-9F6B-22A953E3C425}" dt="2024-08-04T23:06:47.394" v="53" actId="47"/>
        <pc:sldMkLst>
          <pc:docMk/>
          <pc:sldMk cId="1655139374" sldId="4116"/>
        </pc:sldMkLst>
      </pc:sldChg>
      <pc:sldChg chg="modSp add mod ord">
        <pc:chgData name="Oleg Stroganov" userId="72162ba4-8119-4aec-b3de-9997a8a10097" providerId="ADAL" clId="{DE91633C-1573-435F-9F6B-22A953E3C425}" dt="2024-08-05T18:45:55.386" v="80"/>
        <pc:sldMkLst>
          <pc:docMk/>
          <pc:sldMk cId="2309751668" sldId="4118"/>
        </pc:sldMkLst>
      </pc:sldChg>
    </pc:docChg>
  </pc:docChgLst>
  <pc:docChgLst>
    <pc:chgData name="Oleg Stroganov" userId="S::oleg.stroganov@ranchobiosciences.com::72162ba4-8119-4aec-b3de-9997a8a10097" providerId="AD" clId="Web-{FF0AA87B-721C-FEC4-97A2-61876E6785AF}"/>
    <pc:docChg chg="modSld">
      <pc:chgData name="Oleg Stroganov" userId="S::oleg.stroganov@ranchobiosciences.com::72162ba4-8119-4aec-b3de-9997a8a10097" providerId="AD" clId="Web-{FF0AA87B-721C-FEC4-97A2-61876E6785AF}" dt="2024-08-20T16:36:25.887" v="79" actId="20577"/>
      <pc:docMkLst>
        <pc:docMk/>
      </pc:docMkLst>
    </pc:docChg>
  </pc:docChgLst>
  <pc:docChgLst>
    <pc:chgData name="Crystal Straughter" userId="e34ed752-ad53-4a4a-a281-1690e6ef6d17" providerId="ADAL" clId="{08532C71-DE46-4B5C-BA5C-3D49F8BD8873}"/>
    <pc:docChg chg="undo custSel addSld delSld modSld sldOrd">
      <pc:chgData name="Crystal Straughter" userId="e34ed752-ad53-4a4a-a281-1690e6ef6d17" providerId="ADAL" clId="{08532C71-DE46-4B5C-BA5C-3D49F8BD8873}" dt="2023-09-21T15:12:34.762" v="6906"/>
      <pc:docMkLst>
        <pc:docMk/>
      </pc:docMkLst>
      <pc:sldChg chg="modSp mod modNotesTx">
        <pc:chgData name="Crystal Straughter" userId="e34ed752-ad53-4a4a-a281-1690e6ef6d17" providerId="ADAL" clId="{08532C71-DE46-4B5C-BA5C-3D49F8BD8873}" dt="2023-09-06T15:17:38.054" v="4306" actId="6549"/>
        <pc:sldMkLst>
          <pc:docMk/>
          <pc:sldMk cId="2581634024" sldId="325"/>
        </pc:sldMkLst>
      </pc:sldChg>
      <pc:sldChg chg="modNotesTx">
        <pc:chgData name="Crystal Straughter" userId="e34ed752-ad53-4a4a-a281-1690e6ef6d17" providerId="ADAL" clId="{08532C71-DE46-4B5C-BA5C-3D49F8BD8873}" dt="2023-09-05T16:02:03.748" v="577" actId="20577"/>
        <pc:sldMkLst>
          <pc:docMk/>
          <pc:sldMk cId="810472003" sldId="326"/>
        </pc:sldMkLst>
      </pc:sldChg>
      <pc:sldChg chg="modSp mod">
        <pc:chgData name="Crystal Straughter" userId="e34ed752-ad53-4a4a-a281-1690e6ef6d17" providerId="ADAL" clId="{08532C71-DE46-4B5C-BA5C-3D49F8BD8873}" dt="2023-09-06T14:33:44.535" v="1036" actId="6549"/>
        <pc:sldMkLst>
          <pc:docMk/>
          <pc:sldMk cId="2072935868" sldId="328"/>
        </pc:sldMkLst>
      </pc:sldChg>
      <pc:sldChg chg="modNotesTx">
        <pc:chgData name="Crystal Straughter" userId="e34ed752-ad53-4a4a-a281-1690e6ef6d17" providerId="ADAL" clId="{08532C71-DE46-4B5C-BA5C-3D49F8BD8873}" dt="2023-09-06T15:18:03.893" v="4308" actId="6549"/>
        <pc:sldMkLst>
          <pc:docMk/>
          <pc:sldMk cId="3621689416" sldId="4101"/>
        </pc:sldMkLst>
      </pc:sldChg>
      <pc:sldChg chg="modSp modNotesTx">
        <pc:chgData name="Crystal Straughter" userId="e34ed752-ad53-4a4a-a281-1690e6ef6d17" providerId="ADAL" clId="{08532C71-DE46-4B5C-BA5C-3D49F8BD8873}" dt="2023-09-06T15:18:15.630" v="4309" actId="20577"/>
        <pc:sldMkLst>
          <pc:docMk/>
          <pc:sldMk cId="2175861465" sldId="4106"/>
        </pc:sldMkLst>
      </pc:sldChg>
      <pc:sldChg chg="modSp mod ord modShow modNotesTx">
        <pc:chgData name="Crystal Straughter" userId="e34ed752-ad53-4a4a-a281-1690e6ef6d17" providerId="ADAL" clId="{08532C71-DE46-4B5C-BA5C-3D49F8BD8873}" dt="2023-09-06T15:18:43.474" v="4314" actId="20577"/>
        <pc:sldMkLst>
          <pc:docMk/>
          <pc:sldMk cId="736288069" sldId="4107"/>
        </pc:sldMkLst>
      </pc:sldChg>
      <pc:sldChg chg="new del">
        <pc:chgData name="Crystal Straughter" userId="e34ed752-ad53-4a4a-a281-1690e6ef6d17" providerId="ADAL" clId="{08532C71-DE46-4B5C-BA5C-3D49F8BD8873}" dt="2023-09-05T16:02:30.872" v="578" actId="47"/>
        <pc:sldMkLst>
          <pc:docMk/>
          <pc:sldMk cId="2637778317" sldId="4108"/>
        </pc:sldMkLst>
      </pc:sldChg>
    </pc:docChg>
  </pc:docChgLst>
  <pc:docChgLst>
    <pc:chgData name="Oleg Stroganov" userId="72162ba4-8119-4aec-b3de-9997a8a10097" providerId="ADAL" clId="{5FBF065C-CA3D-40E7-AB48-4B9F3951F3F9}"/>
    <pc:docChg chg="undo custSel addSld modSld sldOrd">
      <pc:chgData name="Oleg Stroganov" userId="72162ba4-8119-4aec-b3de-9997a8a10097" providerId="ADAL" clId="{5FBF065C-CA3D-40E7-AB48-4B9F3951F3F9}" dt="2024-07-22T16:42:11.039" v="928" actId="20577"/>
      <pc:docMkLst>
        <pc:docMk/>
      </pc:docMkLst>
      <pc:sldChg chg="modSp mod">
        <pc:chgData name="Oleg Stroganov" userId="72162ba4-8119-4aec-b3de-9997a8a10097" providerId="ADAL" clId="{5FBF065C-CA3D-40E7-AB48-4B9F3951F3F9}" dt="2024-07-22T16:42:11.039" v="928" actId="20577"/>
        <pc:sldMkLst>
          <pc:docMk/>
          <pc:sldMk cId="1680011828" sldId="4115"/>
        </pc:sldMkLst>
      </pc:sldChg>
      <pc:sldChg chg="addSp modSp add mod ord">
        <pc:chgData name="Oleg Stroganov" userId="72162ba4-8119-4aec-b3de-9997a8a10097" providerId="ADAL" clId="{5FBF065C-CA3D-40E7-AB48-4B9F3951F3F9}" dt="2024-07-22T16:37:46.868" v="296"/>
        <pc:sldMkLst>
          <pc:docMk/>
          <pc:sldMk cId="1655139374" sldId="4116"/>
        </pc:sldMkLst>
      </pc:sldChg>
    </pc:docChg>
  </pc:docChgLst>
  <pc:docChgLst>
    <pc:chgData name="Sarah Tahir" userId="S::sarah.tahir@ranchobiosciences.com::d3593e20-30cf-4cfc-ad44-c3fba6892637" providerId="AD" clId="Web-{B86FBA93-11FE-920E-C44B-AF77F44AE285}"/>
    <pc:docChg chg="modSld">
      <pc:chgData name="Sarah Tahir" userId="S::sarah.tahir@ranchobiosciences.com::d3593e20-30cf-4cfc-ad44-c3fba6892637" providerId="AD" clId="Web-{B86FBA93-11FE-920E-C44B-AF77F44AE285}" dt="2024-07-10T18:34:25.274" v="3" actId="20577"/>
      <pc:docMkLst>
        <pc:docMk/>
      </pc:docMkLst>
      <pc:sldChg chg="modSp">
        <pc:chgData name="Sarah Tahir" userId="S::sarah.tahir@ranchobiosciences.com::d3593e20-30cf-4cfc-ad44-c3fba6892637" providerId="AD" clId="Web-{B86FBA93-11FE-920E-C44B-AF77F44AE285}" dt="2024-07-10T18:34:25.274" v="3" actId="20577"/>
        <pc:sldMkLst>
          <pc:docMk/>
          <pc:sldMk cId="2161088717" sldId="316"/>
        </pc:sldMkLst>
      </pc:sldChg>
    </pc:docChg>
  </pc:docChgLst>
  <pc:docChgLst>
    <pc:chgData name="Sarah Tahir" userId="d3593e20-30cf-4cfc-ad44-c3fba6892637" providerId="ADAL" clId="{69E42429-182F-4A99-A9E6-3DDE315AF2D3}"/>
    <pc:docChg chg="custSel addSld modSld sldOrd">
      <pc:chgData name="Sarah Tahir" userId="d3593e20-30cf-4cfc-ad44-c3fba6892637" providerId="ADAL" clId="{69E42429-182F-4A99-A9E6-3DDE315AF2D3}" dt="2024-08-05T21:36:30.319" v="2545" actId="20577"/>
      <pc:docMkLst>
        <pc:docMk/>
      </pc:docMkLst>
      <pc:sldChg chg="modSp mod">
        <pc:chgData name="Sarah Tahir" userId="d3593e20-30cf-4cfc-ad44-c3fba6892637" providerId="ADAL" clId="{69E42429-182F-4A99-A9E6-3DDE315AF2D3}" dt="2024-08-05T21:36:30.319" v="2545" actId="20577"/>
        <pc:sldMkLst>
          <pc:docMk/>
          <pc:sldMk cId="2222631047" sldId="4109"/>
        </pc:sldMkLst>
      </pc:sldChg>
      <pc:sldChg chg="ord">
        <pc:chgData name="Sarah Tahir" userId="d3593e20-30cf-4cfc-ad44-c3fba6892637" providerId="ADAL" clId="{69E42429-182F-4A99-A9E6-3DDE315AF2D3}" dt="2024-08-05T19:31:08.690" v="1239"/>
        <pc:sldMkLst>
          <pc:docMk/>
          <pc:sldMk cId="754306419" sldId="4117"/>
        </pc:sldMkLst>
      </pc:sldChg>
      <pc:sldChg chg="add ord">
        <pc:chgData name="Sarah Tahir" userId="d3593e20-30cf-4cfc-ad44-c3fba6892637" providerId="ADAL" clId="{69E42429-182F-4A99-A9E6-3DDE315AF2D3}" dt="2024-08-05T19:31:12.138" v="1242"/>
        <pc:sldMkLst>
          <pc:docMk/>
          <pc:sldMk cId="657024936" sldId="4119"/>
        </pc:sldMkLst>
      </pc:sldChg>
    </pc:docChg>
  </pc:docChgLst>
  <pc:docChgLst>
    <pc:chgData name="Sarah Tahir" userId="S::sarah.tahir@ranchobiosciences.com::d3593e20-30cf-4cfc-ad44-c3fba6892637" providerId="AD" clId="Web-{E96AC9ED-6505-4A59-9323-B7F1D9C0BC86}"/>
    <pc:docChg chg="modSld">
      <pc:chgData name="Sarah Tahir" userId="S::sarah.tahir@ranchobiosciences.com::d3593e20-30cf-4cfc-ad44-c3fba6892637" providerId="AD" clId="Web-{E96AC9ED-6505-4A59-9323-B7F1D9C0BC86}" dt="2024-07-11T17:00:09.260" v="2" actId="20577"/>
      <pc:docMkLst>
        <pc:docMk/>
      </pc:docMkLst>
    </pc:docChg>
  </pc:docChgLst>
  <pc:docChgLst>
    <pc:chgData name="Oleg Stroganov" userId="72162ba4-8119-4aec-b3de-9997a8a10097" providerId="ADAL" clId="{E1A3B562-8E13-4864-BAD8-A2F62131B6D4}"/>
    <pc:docChg chg="undo custSel addSld delSld modSld">
      <pc:chgData name="Oleg Stroganov" userId="72162ba4-8119-4aec-b3de-9997a8a10097" providerId="ADAL" clId="{E1A3B562-8E13-4864-BAD8-A2F62131B6D4}" dt="2024-09-16T17:39:30.562" v="742" actId="20577"/>
      <pc:docMkLst>
        <pc:docMk/>
      </pc:docMkLst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309751668" sldId="4118"/>
        </pc:sldMkLst>
      </pc:sldChg>
      <pc:sldChg chg="addSp delSp modSp mod">
        <pc:chgData name="Oleg Stroganov" userId="72162ba4-8119-4aec-b3de-9997a8a10097" providerId="ADAL" clId="{E1A3B562-8E13-4864-BAD8-A2F62131B6D4}" dt="2024-09-16T17:32:33.295" v="11" actId="20577"/>
        <pc:sldMkLst>
          <pc:docMk/>
          <pc:sldMk cId="745311550" sldId="4120"/>
        </pc:sldMkLst>
        <pc:spChg chg="mod">
          <ac:chgData name="Oleg Stroganov" userId="72162ba4-8119-4aec-b3de-9997a8a10097" providerId="ADAL" clId="{E1A3B562-8E13-4864-BAD8-A2F62131B6D4}" dt="2024-09-16T17:32:33.295" v="11" actId="20577"/>
          <ac:spMkLst>
            <pc:docMk/>
            <pc:sldMk cId="745311550" sldId="4120"/>
            <ac:spMk id="3" creationId="{5AE8FD57-85E1-67C8-D670-A35E9033BDCF}"/>
          </ac:spMkLst>
        </pc:spChg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33225812" sldId="4128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150487819" sldId="4129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4219786159" sldId="4130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688794400" sldId="4132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831149114" sldId="4133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472243204" sldId="4134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12940894" sldId="4135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640755603" sldId="4136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963505294" sldId="4140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099907309" sldId="4141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830772666" sldId="4142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501803207" sldId="4143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305081459" sldId="4145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4163516020" sldId="4146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1978458407" sldId="4147"/>
        </pc:sldMkLst>
      </pc:sldChg>
      <pc:sldChg chg="delSp modSp add mod">
        <pc:chgData name="Oleg Stroganov" userId="72162ba4-8119-4aec-b3de-9997a8a10097" providerId="ADAL" clId="{E1A3B562-8E13-4864-BAD8-A2F62131B6D4}" dt="2024-09-16T17:37:09.995" v="272" actId="20577"/>
        <pc:sldMkLst>
          <pc:docMk/>
          <pc:sldMk cId="2823241412" sldId="4151"/>
        </pc:sldMkLst>
      </pc:sldChg>
      <pc:sldChg chg="modSp add mod">
        <pc:chgData name="Oleg Stroganov" userId="72162ba4-8119-4aec-b3de-9997a8a10097" providerId="ADAL" clId="{E1A3B562-8E13-4864-BAD8-A2F62131B6D4}" dt="2024-09-16T17:39:30.562" v="742" actId="20577"/>
        <pc:sldMkLst>
          <pc:docMk/>
          <pc:sldMk cId="1256524642" sldId="4152"/>
        </pc:sldMkLst>
      </pc:sldChg>
    </pc:docChg>
  </pc:docChgLst>
  <pc:docChgLst>
    <pc:chgData name="Oleg Stroganov" userId="S::oleg.stroganov@ranchobiosciences.com::72162ba4-8119-4aec-b3de-9997a8a10097" providerId="AD" clId="Web-{D3DD5880-1D9A-4056-9131-8AABC7D69067}"/>
    <pc:docChg chg="modSld">
      <pc:chgData name="Oleg Stroganov" userId="S::oleg.stroganov@ranchobiosciences.com::72162ba4-8119-4aec-b3de-9997a8a10097" providerId="AD" clId="Web-{D3DD5880-1D9A-4056-9131-8AABC7D69067}" dt="2024-07-22T20:44:04.734" v="493" actId="20577"/>
      <pc:docMkLst>
        <pc:docMk/>
      </pc:docMkLst>
      <pc:sldChg chg="modSp">
        <pc:chgData name="Oleg Stroganov" userId="S::oleg.stroganov@ranchobiosciences.com::72162ba4-8119-4aec-b3de-9997a8a10097" providerId="AD" clId="Web-{D3DD5880-1D9A-4056-9131-8AABC7D69067}" dt="2024-07-22T20:42:34.438" v="271" actId="20577"/>
        <pc:sldMkLst>
          <pc:docMk/>
          <pc:sldMk cId="2222631047" sldId="4109"/>
        </pc:sldMkLst>
      </pc:sldChg>
      <pc:sldChg chg="modSp">
        <pc:chgData name="Oleg Stroganov" userId="S::oleg.stroganov@ranchobiosciences.com::72162ba4-8119-4aec-b3de-9997a8a10097" providerId="AD" clId="Web-{D3DD5880-1D9A-4056-9131-8AABC7D69067}" dt="2024-07-22T20:44:04.734" v="493" actId="20577"/>
        <pc:sldMkLst>
          <pc:docMk/>
          <pc:sldMk cId="754306419" sldId="4117"/>
        </pc:sldMkLst>
      </pc:sldChg>
    </pc:docChg>
  </pc:docChgLst>
  <pc:docChgLst>
    <pc:chgData name="Oleg Stroganov" userId="S::oleg.stroganov@ranchobiosciences.com::72162ba4-8119-4aec-b3de-9997a8a10097" providerId="AD" clId="Web-{C3311607-C252-438B-876D-B4C97BC79B69}"/>
    <pc:docChg chg="modSld">
      <pc:chgData name="Oleg Stroganov" userId="S::oleg.stroganov@ranchobiosciences.com::72162ba4-8119-4aec-b3de-9997a8a10097" providerId="AD" clId="Web-{C3311607-C252-438B-876D-B4C97BC79B69}" dt="2023-09-06T16:56:29.841" v="33" actId="20577"/>
      <pc:docMkLst>
        <pc:docMk/>
      </pc:docMkLst>
      <pc:sldChg chg="modSp">
        <pc:chgData name="Oleg Stroganov" userId="S::oleg.stroganov@ranchobiosciences.com::72162ba4-8119-4aec-b3de-9997a8a10097" providerId="AD" clId="Web-{C3311607-C252-438B-876D-B4C97BC79B69}" dt="2023-09-06T16:56:29.841" v="33" actId="20577"/>
        <pc:sldMkLst>
          <pc:docMk/>
          <pc:sldMk cId="2072935868" sldId="328"/>
        </pc:sldMkLst>
      </pc:sldChg>
    </pc:docChg>
  </pc:docChgLst>
  <pc:docChgLst>
    <pc:chgData name="Sarah Tahir" userId="S::sarah.tahir@ranchobiosciences.com::d3593e20-30cf-4cfc-ad44-c3fba6892637" providerId="AD" clId="Web-{11BF7832-A63A-86EC-2DD1-5E7D459390B4}"/>
    <pc:docChg chg="addSld delSld modSld">
      <pc:chgData name="Sarah Tahir" userId="S::sarah.tahir@ranchobiosciences.com::d3593e20-30cf-4cfc-ad44-c3fba6892637" providerId="AD" clId="Web-{11BF7832-A63A-86EC-2DD1-5E7D459390B4}" dt="2024-07-02T17:28:59.560" v="36" actId="20577"/>
      <pc:docMkLst>
        <pc:docMk/>
      </pc:docMkLst>
      <pc:sldChg chg="modSp">
        <pc:chgData name="Sarah Tahir" userId="S::sarah.tahir@ranchobiosciences.com::d3593e20-30cf-4cfc-ad44-c3fba6892637" providerId="AD" clId="Web-{11BF7832-A63A-86EC-2DD1-5E7D459390B4}" dt="2024-07-01T19:51:28.373" v="14" actId="20577"/>
        <pc:sldMkLst>
          <pc:docMk/>
          <pc:sldMk cId="2161088717" sldId="316"/>
        </pc:sldMkLst>
      </pc:sldChg>
      <pc:sldChg chg="modSp">
        <pc:chgData name="Sarah Tahir" userId="S::sarah.tahir@ranchobiosciences.com::d3593e20-30cf-4cfc-ad44-c3fba6892637" providerId="AD" clId="Web-{11BF7832-A63A-86EC-2DD1-5E7D459390B4}" dt="2024-07-02T17:28:21.076" v="30" actId="20577"/>
        <pc:sldMkLst>
          <pc:docMk/>
          <pc:sldMk cId="810472003" sldId="326"/>
        </pc:sldMkLst>
      </pc:sldChg>
      <pc:sldChg chg="modSp">
        <pc:chgData name="Sarah Tahir" userId="S::sarah.tahir@ranchobiosciences.com::d3593e20-30cf-4cfc-ad44-c3fba6892637" providerId="AD" clId="Web-{11BF7832-A63A-86EC-2DD1-5E7D459390B4}" dt="2024-07-02T17:28:59.560" v="36" actId="20577"/>
        <pc:sldMkLst>
          <pc:docMk/>
          <pc:sldMk cId="2072935868" sldId="328"/>
        </pc:sldMkLst>
      </pc:sldChg>
      <pc:sldChg chg="add">
        <pc:chgData name="Sarah Tahir" userId="S::sarah.tahir@ranchobiosciences.com::d3593e20-30cf-4cfc-ad44-c3fba6892637" providerId="AD" clId="Web-{11BF7832-A63A-86EC-2DD1-5E7D459390B4}" dt="2024-07-02T17:27:01.701" v="22"/>
        <pc:sldMkLst>
          <pc:docMk/>
          <pc:sldMk cId="199996539" sldId="1495"/>
        </pc:sldMkLst>
      </pc:sldChg>
      <pc:sldChg chg="del">
        <pc:chgData name="Sarah Tahir" userId="S::sarah.tahir@ranchobiosciences.com::d3593e20-30cf-4cfc-ad44-c3fba6892637" providerId="AD" clId="Web-{11BF7832-A63A-86EC-2DD1-5E7D459390B4}" dt="2024-07-01T19:51:31.202" v="15"/>
        <pc:sldMkLst>
          <pc:docMk/>
          <pc:sldMk cId="2722358339" sldId="1502"/>
        </pc:sldMkLst>
      </pc:sldChg>
      <pc:sldChg chg="del">
        <pc:chgData name="Sarah Tahir" userId="S::sarah.tahir@ranchobiosciences.com::d3593e20-30cf-4cfc-ad44-c3fba6892637" providerId="AD" clId="Web-{11BF7832-A63A-86EC-2DD1-5E7D459390B4}" dt="2024-07-01T19:51:32.530" v="16"/>
        <pc:sldMkLst>
          <pc:docMk/>
          <pc:sldMk cId="1982500235" sldId="1504"/>
        </pc:sldMkLst>
      </pc:sldChg>
    </pc:docChg>
  </pc:docChgLst>
  <pc:docChgLst>
    <pc:chgData name="Crystal Straughter" userId="S::crystal.straughter@ranchobiosciences.com::e34ed752-ad53-4a4a-a281-1690e6ef6d17" providerId="AD" clId="Web-{A64EADE9-77C8-C698-5418-9B3B2A23C1E2}"/>
    <pc:docChg chg="modSld">
      <pc:chgData name="Crystal Straughter" userId="S::crystal.straughter@ranchobiosciences.com::e34ed752-ad53-4a4a-a281-1690e6ef6d17" providerId="AD" clId="Web-{A64EADE9-77C8-C698-5418-9B3B2A23C1E2}" dt="2023-09-12T12:58:16.388" v="2"/>
      <pc:docMkLst>
        <pc:docMk/>
      </pc:docMkLst>
      <pc:sldChg chg="modNotes">
        <pc:chgData name="Crystal Straughter" userId="S::crystal.straughter@ranchobiosciences.com::e34ed752-ad53-4a4a-a281-1690e6ef6d17" providerId="AD" clId="Web-{A64EADE9-77C8-C698-5418-9B3B2A23C1E2}" dt="2023-09-12T12:58:07.200" v="1"/>
        <pc:sldMkLst>
          <pc:docMk/>
          <pc:sldMk cId="2581634024" sldId="325"/>
        </pc:sldMkLst>
      </pc:sldChg>
      <pc:sldChg chg="modNotes">
        <pc:chgData name="Crystal Straughter" userId="S::crystal.straughter@ranchobiosciences.com::e34ed752-ad53-4a4a-a281-1690e6ef6d17" providerId="AD" clId="Web-{A64EADE9-77C8-C698-5418-9B3B2A23C1E2}" dt="2023-09-12T12:58:16.388" v="2"/>
        <pc:sldMkLst>
          <pc:docMk/>
          <pc:sldMk cId="810472003" sldId="326"/>
        </pc:sldMkLst>
      </pc:sldChg>
      <pc:sldChg chg="modNotes">
        <pc:chgData name="Crystal Straughter" userId="S::crystal.straughter@ranchobiosciences.com::e34ed752-ad53-4a4a-a281-1690e6ef6d17" providerId="AD" clId="Web-{A64EADE9-77C8-C698-5418-9B3B2A23C1E2}" dt="2023-09-12T12:57:57.840" v="0"/>
        <pc:sldMkLst>
          <pc:docMk/>
          <pc:sldMk cId="2175861465" sldId="4106"/>
        </pc:sldMkLst>
      </pc:sldChg>
    </pc:docChg>
  </pc:docChgLst>
  <pc:docChgLst>
    <pc:chgData name="Oleg Stroganov" userId="S::oleg.stroganov@ranchobiosciences.com::72162ba4-8119-4aec-b3de-9997a8a10097" providerId="AD" clId="Web-{906768BC-05A3-4512-A125-029A5212CE5E}"/>
    <pc:docChg chg="mod">
      <pc:chgData name="Oleg Stroganov" userId="S::oleg.stroganov@ranchobiosciences.com::72162ba4-8119-4aec-b3de-9997a8a10097" providerId="AD" clId="Web-{906768BC-05A3-4512-A125-029A5212CE5E}" dt="2024-09-16T19:53:04.936" v="0"/>
      <pc:docMkLst>
        <pc:docMk/>
      </pc:docMkLst>
    </pc:docChg>
  </pc:docChgLst>
  <pc:docChgLst>
    <pc:chgData clId="Web-{AE161B1E-04C9-A78E-B948-05A45FE678D4}"/>
    <pc:docChg chg="modSld">
      <pc:chgData name="" userId="" providerId="" clId="Web-{AE161B1E-04C9-A78E-B948-05A45FE678D4}" dt="2024-11-18T19:02:26.513" v="0" actId="20577"/>
      <pc:docMkLst>
        <pc:docMk/>
      </pc:docMkLst>
      <pc:sldChg chg="modSp">
        <pc:chgData name="" userId="" providerId="" clId="Web-{AE161B1E-04C9-A78E-B948-05A45FE678D4}" dt="2024-11-18T19:02:26.513" v="0" actId="20577"/>
        <pc:sldMkLst>
          <pc:docMk/>
          <pc:sldMk cId="2161088717" sldId="316"/>
        </pc:sldMkLst>
        <pc:spChg chg="mod">
          <ac:chgData name="" userId="" providerId="" clId="Web-{AE161B1E-04C9-A78E-B948-05A45FE678D4}" dt="2024-11-18T19:02:26.513" v="0" actId="20577"/>
          <ac:spMkLst>
            <pc:docMk/>
            <pc:sldMk cId="2161088717" sldId="316"/>
            <ac:spMk id="4" creationId="{6D70F8A1-6B1C-403E-93AE-E0D2A87ECB39}"/>
          </ac:spMkLst>
        </pc:spChg>
      </pc:sldChg>
    </pc:docChg>
  </pc:docChgLst>
  <pc:docChgLst>
    <pc:chgData name="Sarah Tahir" userId="d3593e20-30cf-4cfc-ad44-c3fba6892637" providerId="ADAL" clId="{7C9C9FAC-CEBD-47F5-9DE2-C335411236E6}"/>
    <pc:docChg chg="custSel addSld modSld sldOrd">
      <pc:chgData name="Sarah Tahir" userId="d3593e20-30cf-4cfc-ad44-c3fba6892637" providerId="ADAL" clId="{7C9C9FAC-CEBD-47F5-9DE2-C335411236E6}" dt="2024-10-28T19:20:58.238" v="1178" actId="20577"/>
      <pc:docMkLst>
        <pc:docMk/>
      </pc:docMkLst>
      <pc:sldChg chg="modSp mod">
        <pc:chgData name="Sarah Tahir" userId="d3593e20-30cf-4cfc-ad44-c3fba6892637" providerId="ADAL" clId="{7C9C9FAC-CEBD-47F5-9DE2-C335411236E6}" dt="2024-10-28T17:14:26.737" v="46" actId="6549"/>
        <pc:sldMkLst>
          <pc:docMk/>
          <pc:sldMk cId="2161088717" sldId="316"/>
        </pc:sldMkLst>
        <pc:spChg chg="mod">
          <ac:chgData name="Sarah Tahir" userId="d3593e20-30cf-4cfc-ad44-c3fba6892637" providerId="ADAL" clId="{7C9C9FAC-CEBD-47F5-9DE2-C335411236E6}" dt="2024-10-28T17:14:26.737" v="46" actId="6549"/>
          <ac:spMkLst>
            <pc:docMk/>
            <pc:sldMk cId="2161088717" sldId="316"/>
            <ac:spMk id="4" creationId="{6D70F8A1-6B1C-403E-93AE-E0D2A87ECB39}"/>
          </ac:spMkLst>
        </pc:spChg>
      </pc:sldChg>
      <pc:sldChg chg="delSp modSp mod">
        <pc:chgData name="Sarah Tahir" userId="d3593e20-30cf-4cfc-ad44-c3fba6892637" providerId="ADAL" clId="{7C9C9FAC-CEBD-47F5-9DE2-C335411236E6}" dt="2024-10-28T19:04:14.341" v="398"/>
        <pc:sldMkLst>
          <pc:docMk/>
          <pc:sldMk cId="3748806520" sldId="4108"/>
        </pc:sldMkLst>
        <pc:spChg chg="mod">
          <ac:chgData name="Sarah Tahir" userId="d3593e20-30cf-4cfc-ad44-c3fba6892637" providerId="ADAL" clId="{7C9C9FAC-CEBD-47F5-9DE2-C335411236E6}" dt="2024-10-28T19:04:14.119" v="88"/>
          <ac:spMkLst>
            <pc:docMk/>
            <pc:sldMk cId="3748806520" sldId="4108"/>
            <ac:spMk id="3" creationId="{8B9104C3-09D0-0DED-1A56-2C6E3B56A4B1}"/>
          </ac:spMkLst>
        </pc:spChg>
        <pc:spChg chg="mod">
          <ac:chgData name="Sarah Tahir" userId="d3593e20-30cf-4cfc-ad44-c3fba6892637" providerId="ADAL" clId="{7C9C9FAC-CEBD-47F5-9DE2-C335411236E6}" dt="2024-10-28T19:04:14.125" v="89"/>
          <ac:spMkLst>
            <pc:docMk/>
            <pc:sldMk cId="3748806520" sldId="4108"/>
            <ac:spMk id="4" creationId="{AC91BCFE-0066-0234-3833-774C8701A485}"/>
          </ac:spMkLst>
        </pc:spChg>
        <pc:spChg chg="mod">
          <ac:chgData name="Sarah Tahir" userId="d3593e20-30cf-4cfc-ad44-c3fba6892637" providerId="ADAL" clId="{7C9C9FAC-CEBD-47F5-9DE2-C335411236E6}" dt="2024-10-28T19:04:14.136" v="95" actId="207"/>
          <ac:spMkLst>
            <pc:docMk/>
            <pc:sldMk cId="3748806520" sldId="4108"/>
            <ac:spMk id="5" creationId="{EB460990-2919-F8F7-3FD3-934C87ED4CCE}"/>
          </ac:spMkLst>
        </pc:spChg>
        <pc:spChg chg="mod">
          <ac:chgData name="Sarah Tahir" userId="d3593e20-30cf-4cfc-ad44-c3fba6892637" providerId="ADAL" clId="{7C9C9FAC-CEBD-47F5-9DE2-C335411236E6}" dt="2024-10-28T19:04:14.137" v="96"/>
          <ac:spMkLst>
            <pc:docMk/>
            <pc:sldMk cId="3748806520" sldId="4108"/>
            <ac:spMk id="6" creationId="{A9813E8A-DC28-B805-0F24-103FC1B5ED37}"/>
          </ac:spMkLst>
        </pc:spChg>
        <pc:spChg chg="mod">
          <ac:chgData name="Sarah Tahir" userId="d3593e20-30cf-4cfc-ad44-c3fba6892637" providerId="ADAL" clId="{7C9C9FAC-CEBD-47F5-9DE2-C335411236E6}" dt="2024-10-28T19:04:14.142" v="109"/>
          <ac:spMkLst>
            <pc:docMk/>
            <pc:sldMk cId="3748806520" sldId="4108"/>
            <ac:spMk id="7" creationId="{C626DE63-D5D7-B253-E6F7-3A93EF8DB263}"/>
          </ac:spMkLst>
        </pc:spChg>
        <pc:spChg chg="mod">
          <ac:chgData name="Sarah Tahir" userId="d3593e20-30cf-4cfc-ad44-c3fba6892637" providerId="ADAL" clId="{7C9C9FAC-CEBD-47F5-9DE2-C335411236E6}" dt="2024-10-28T19:04:14.154" v="129"/>
          <ac:spMkLst>
            <pc:docMk/>
            <pc:sldMk cId="3748806520" sldId="4108"/>
            <ac:spMk id="8" creationId="{8584861C-B530-9F14-9A3E-D32C6D2E36B3}"/>
          </ac:spMkLst>
        </pc:spChg>
        <pc:spChg chg="mod">
          <ac:chgData name="Sarah Tahir" userId="d3593e20-30cf-4cfc-ad44-c3fba6892637" providerId="ADAL" clId="{7C9C9FAC-CEBD-47F5-9DE2-C335411236E6}" dt="2024-10-28T19:04:14.169" v="149"/>
          <ac:spMkLst>
            <pc:docMk/>
            <pc:sldMk cId="3748806520" sldId="4108"/>
            <ac:spMk id="10" creationId="{CBB7C52D-23BD-4E40-7BD7-AE9BD10DD372}"/>
          </ac:spMkLst>
        </pc:spChg>
        <pc:spChg chg="mod">
          <ac:chgData name="Sarah Tahir" userId="d3593e20-30cf-4cfc-ad44-c3fba6892637" providerId="ADAL" clId="{7C9C9FAC-CEBD-47F5-9DE2-C335411236E6}" dt="2024-10-28T19:04:14.179" v="168"/>
          <ac:spMkLst>
            <pc:docMk/>
            <pc:sldMk cId="3748806520" sldId="4108"/>
            <ac:spMk id="12" creationId="{AA4C9D36-0095-8065-7D2C-E8064263361E}"/>
          </ac:spMkLst>
        </pc:spChg>
        <pc:spChg chg="mod">
          <ac:chgData name="Sarah Tahir" userId="d3593e20-30cf-4cfc-ad44-c3fba6892637" providerId="ADAL" clId="{7C9C9FAC-CEBD-47F5-9DE2-C335411236E6}" dt="2024-10-28T19:04:14.189" v="189"/>
          <ac:spMkLst>
            <pc:docMk/>
            <pc:sldMk cId="3748806520" sldId="4108"/>
            <ac:spMk id="14" creationId="{BA5307C6-22FF-D9C6-E3CE-4BFC8DEAE6B2}"/>
          </ac:spMkLst>
        </pc:spChg>
        <pc:spChg chg="mod">
          <ac:chgData name="Sarah Tahir" userId="d3593e20-30cf-4cfc-ad44-c3fba6892637" providerId="ADAL" clId="{7C9C9FAC-CEBD-47F5-9DE2-C335411236E6}" dt="2024-10-28T19:04:14.199" v="209"/>
          <ac:spMkLst>
            <pc:docMk/>
            <pc:sldMk cId="3748806520" sldId="4108"/>
            <ac:spMk id="16" creationId="{CE41261A-5F4D-09BF-A2D7-56E94152A2DC}"/>
          </ac:spMkLst>
        </pc:spChg>
        <pc:spChg chg="mod">
          <ac:chgData name="Sarah Tahir" userId="d3593e20-30cf-4cfc-ad44-c3fba6892637" providerId="ADAL" clId="{7C9C9FAC-CEBD-47F5-9DE2-C335411236E6}" dt="2024-10-28T19:04:14.260" v="332"/>
          <ac:spMkLst>
            <pc:docMk/>
            <pc:sldMk cId="3748806520" sldId="4108"/>
            <ac:spMk id="17" creationId="{D635F5F0-3DFE-0E14-02CB-2A7941EBE7E7}"/>
          </ac:spMkLst>
        </pc:spChg>
        <pc:spChg chg="mod">
          <ac:chgData name="Sarah Tahir" userId="d3593e20-30cf-4cfc-ad44-c3fba6892637" providerId="ADAL" clId="{7C9C9FAC-CEBD-47F5-9DE2-C335411236E6}" dt="2024-10-28T19:04:14.261" v="334"/>
          <ac:spMkLst>
            <pc:docMk/>
            <pc:sldMk cId="3748806520" sldId="4108"/>
            <ac:spMk id="18" creationId="{171B9641-1B6D-6988-D4DD-3E0C71D27C54}"/>
          </ac:spMkLst>
        </pc:spChg>
        <pc:spChg chg="mod">
          <ac:chgData name="Sarah Tahir" userId="d3593e20-30cf-4cfc-ad44-c3fba6892637" providerId="ADAL" clId="{7C9C9FAC-CEBD-47F5-9DE2-C335411236E6}" dt="2024-10-28T19:04:14.231" v="273"/>
          <ac:spMkLst>
            <pc:docMk/>
            <pc:sldMk cId="3748806520" sldId="4108"/>
            <ac:spMk id="19" creationId="{84F22ACD-0070-11C0-2794-999591045CA7}"/>
          </ac:spMkLst>
        </pc:spChg>
        <pc:spChg chg="mod">
          <ac:chgData name="Sarah Tahir" userId="d3593e20-30cf-4cfc-ad44-c3fba6892637" providerId="ADAL" clId="{7C9C9FAC-CEBD-47F5-9DE2-C335411236E6}" dt="2024-10-28T19:04:14.233" v="275"/>
          <ac:spMkLst>
            <pc:docMk/>
            <pc:sldMk cId="3748806520" sldId="4108"/>
            <ac:spMk id="20" creationId="{C16F7FF4-2120-C25B-9015-DC6F99D8C543}"/>
          </ac:spMkLst>
        </pc:spChg>
        <pc:spChg chg="mod">
          <ac:chgData name="Sarah Tahir" userId="d3593e20-30cf-4cfc-ad44-c3fba6892637" providerId="ADAL" clId="{7C9C9FAC-CEBD-47F5-9DE2-C335411236E6}" dt="2024-10-28T19:04:14.241" v="291"/>
          <ac:spMkLst>
            <pc:docMk/>
            <pc:sldMk cId="3748806520" sldId="4108"/>
            <ac:spMk id="25" creationId="{6AD22BA8-57CC-D29D-99B4-FD169FF269BE}"/>
          </ac:spMkLst>
        </pc:spChg>
        <pc:spChg chg="mod">
          <ac:chgData name="Sarah Tahir" userId="d3593e20-30cf-4cfc-ad44-c3fba6892637" providerId="ADAL" clId="{7C9C9FAC-CEBD-47F5-9DE2-C335411236E6}" dt="2024-10-28T19:04:14.242" v="295"/>
          <ac:spMkLst>
            <pc:docMk/>
            <pc:sldMk cId="3748806520" sldId="4108"/>
            <ac:spMk id="27" creationId="{E23CCDA4-2F22-9B90-58F1-123EAE057C7F}"/>
          </ac:spMkLst>
        </pc:spChg>
        <pc:spChg chg="mod">
          <ac:chgData name="Sarah Tahir" userId="d3593e20-30cf-4cfc-ad44-c3fba6892637" providerId="ADAL" clId="{7C9C9FAC-CEBD-47F5-9DE2-C335411236E6}" dt="2024-10-28T19:04:14.244" v="297"/>
          <ac:spMkLst>
            <pc:docMk/>
            <pc:sldMk cId="3748806520" sldId="4108"/>
            <ac:spMk id="28" creationId="{EF8A5168-D97D-32DA-8B2F-E32E59799874}"/>
          </ac:spMkLst>
        </pc:spChg>
        <pc:spChg chg="mod">
          <ac:chgData name="Sarah Tahir" userId="d3593e20-30cf-4cfc-ad44-c3fba6892637" providerId="ADAL" clId="{7C9C9FAC-CEBD-47F5-9DE2-C335411236E6}" dt="2024-10-28T19:04:14.251" v="311"/>
          <ac:spMkLst>
            <pc:docMk/>
            <pc:sldMk cId="3748806520" sldId="4108"/>
            <ac:spMk id="33" creationId="{C82CBC82-2AB4-3F99-769C-2B0D6B55E714}"/>
          </ac:spMkLst>
        </pc:spChg>
        <pc:spChg chg="mod">
          <ac:chgData name="Sarah Tahir" userId="d3593e20-30cf-4cfc-ad44-c3fba6892637" providerId="ADAL" clId="{7C9C9FAC-CEBD-47F5-9DE2-C335411236E6}" dt="2024-10-28T19:04:14.269" v="345"/>
          <ac:spMkLst>
            <pc:docMk/>
            <pc:sldMk cId="3748806520" sldId="4108"/>
            <ac:spMk id="40" creationId="{1FEF73FC-4585-0C22-F7E8-EC7EC469D3F8}"/>
          </ac:spMkLst>
        </pc:spChg>
        <pc:spChg chg="mod ord">
          <ac:chgData name="Sarah Tahir" userId="d3593e20-30cf-4cfc-ad44-c3fba6892637" providerId="ADAL" clId="{7C9C9FAC-CEBD-47F5-9DE2-C335411236E6}" dt="2024-10-28T19:04:14.339" v="396"/>
          <ac:spMkLst>
            <pc:docMk/>
            <pc:sldMk cId="3748806520" sldId="4108"/>
            <ac:spMk id="43" creationId="{A94A7F1C-FA4C-E20B-1AE8-27C8812FF07F}"/>
          </ac:spMkLst>
        </pc:spChg>
        <pc:spChg chg="mod ord">
          <ac:chgData name="Sarah Tahir" userId="d3593e20-30cf-4cfc-ad44-c3fba6892637" providerId="ADAL" clId="{7C9C9FAC-CEBD-47F5-9DE2-C335411236E6}" dt="2024-10-28T19:04:14.336" v="386"/>
          <ac:spMkLst>
            <pc:docMk/>
            <pc:sldMk cId="3748806520" sldId="4108"/>
            <ac:spMk id="44" creationId="{6C0173FC-B6D7-3F57-5C99-EE9BCB3ABE27}"/>
          </ac:spMkLst>
        </pc:spChg>
        <pc:spChg chg="mod ord">
          <ac:chgData name="Sarah Tahir" userId="d3593e20-30cf-4cfc-ad44-c3fba6892637" providerId="ADAL" clId="{7C9C9FAC-CEBD-47F5-9DE2-C335411236E6}" dt="2024-10-28T19:04:14.337" v="388"/>
          <ac:spMkLst>
            <pc:docMk/>
            <pc:sldMk cId="3748806520" sldId="4108"/>
            <ac:spMk id="45" creationId="{39089A59-E744-5EB3-F5BD-33903C3E6A43}"/>
          </ac:spMkLst>
        </pc:spChg>
        <pc:spChg chg="mod ord">
          <ac:chgData name="Sarah Tahir" userId="d3593e20-30cf-4cfc-ad44-c3fba6892637" providerId="ADAL" clId="{7C9C9FAC-CEBD-47F5-9DE2-C335411236E6}" dt="2024-10-28T19:04:14.337" v="390"/>
          <ac:spMkLst>
            <pc:docMk/>
            <pc:sldMk cId="3748806520" sldId="4108"/>
            <ac:spMk id="46" creationId="{1CC1E0F9-0A4F-2696-606A-7827159D6CAD}"/>
          </ac:spMkLst>
        </pc:spChg>
        <pc:spChg chg="mod ord">
          <ac:chgData name="Sarah Tahir" userId="d3593e20-30cf-4cfc-ad44-c3fba6892637" providerId="ADAL" clId="{7C9C9FAC-CEBD-47F5-9DE2-C335411236E6}" dt="2024-10-28T19:04:14.338" v="392"/>
          <ac:spMkLst>
            <pc:docMk/>
            <pc:sldMk cId="3748806520" sldId="4108"/>
            <ac:spMk id="47" creationId="{AB34FAFE-EB30-E78C-D2C9-B49F3B125193}"/>
          </ac:spMkLst>
        </pc:spChg>
        <pc:spChg chg="mod ord">
          <ac:chgData name="Sarah Tahir" userId="d3593e20-30cf-4cfc-ad44-c3fba6892637" providerId="ADAL" clId="{7C9C9FAC-CEBD-47F5-9DE2-C335411236E6}" dt="2024-10-28T19:04:14.338" v="394"/>
          <ac:spMkLst>
            <pc:docMk/>
            <pc:sldMk cId="3748806520" sldId="4108"/>
            <ac:spMk id="48" creationId="{1EC59185-2E2E-B8C6-3994-A09F599B8D13}"/>
          </ac:spMkLst>
        </pc:spChg>
        <pc:spChg chg="mod">
          <ac:chgData name="Sarah Tahir" userId="d3593e20-30cf-4cfc-ad44-c3fba6892637" providerId="ADAL" clId="{7C9C9FAC-CEBD-47F5-9DE2-C335411236E6}" dt="2024-10-28T19:04:14.252" v="315"/>
          <ac:spMkLst>
            <pc:docMk/>
            <pc:sldMk cId="3748806520" sldId="4108"/>
            <ac:spMk id="51" creationId="{3C2675E6-4F29-B96C-F894-0FED47FE2B53}"/>
          </ac:spMkLst>
        </pc:spChg>
        <pc:spChg chg="mod">
          <ac:chgData name="Sarah Tahir" userId="d3593e20-30cf-4cfc-ad44-c3fba6892637" providerId="ADAL" clId="{7C9C9FAC-CEBD-47F5-9DE2-C335411236E6}" dt="2024-10-28T19:04:14.253" v="317"/>
          <ac:spMkLst>
            <pc:docMk/>
            <pc:sldMk cId="3748806520" sldId="4108"/>
            <ac:spMk id="52" creationId="{8D32649E-6A5F-DC94-3AA5-4C4437C421D6}"/>
          </ac:spMkLst>
        </pc:spChg>
        <pc:spChg chg="mod">
          <ac:chgData name="Sarah Tahir" userId="d3593e20-30cf-4cfc-ad44-c3fba6892637" providerId="ADAL" clId="{7C9C9FAC-CEBD-47F5-9DE2-C335411236E6}" dt="2024-10-28T19:04:14.260" v="328"/>
          <ac:spMkLst>
            <pc:docMk/>
            <pc:sldMk cId="3748806520" sldId="4108"/>
            <ac:spMk id="58" creationId="{FAE86ACD-F22E-7F9E-A8D7-A2237B1C87BB}"/>
          </ac:spMkLst>
        </pc:spChg>
        <pc:spChg chg="mod">
          <ac:chgData name="Sarah Tahir" userId="d3593e20-30cf-4cfc-ad44-c3fba6892637" providerId="ADAL" clId="{7C9C9FAC-CEBD-47F5-9DE2-C335411236E6}" dt="2024-10-28T19:04:14.270" v="349"/>
          <ac:spMkLst>
            <pc:docMk/>
            <pc:sldMk cId="3748806520" sldId="4108"/>
            <ac:spMk id="59" creationId="{AB9ABDAD-547A-DC23-8C7F-6C38DCF16920}"/>
          </ac:spMkLst>
        </pc:spChg>
        <pc:spChg chg="mod">
          <ac:chgData name="Sarah Tahir" userId="d3593e20-30cf-4cfc-ad44-c3fba6892637" providerId="ADAL" clId="{7C9C9FAC-CEBD-47F5-9DE2-C335411236E6}" dt="2024-10-28T19:04:14.271" v="351"/>
          <ac:spMkLst>
            <pc:docMk/>
            <pc:sldMk cId="3748806520" sldId="4108"/>
            <ac:spMk id="60" creationId="{D6C1B21D-F92B-9CE3-0C2B-70C8BA92EBC2}"/>
          </ac:spMkLst>
        </pc:spChg>
        <pc:spChg chg="mod">
          <ac:chgData name="Sarah Tahir" userId="d3593e20-30cf-4cfc-ad44-c3fba6892637" providerId="ADAL" clId="{7C9C9FAC-CEBD-47F5-9DE2-C335411236E6}" dt="2024-10-28T19:04:14.276" v="363"/>
          <ac:spMkLst>
            <pc:docMk/>
            <pc:sldMk cId="3748806520" sldId="4108"/>
            <ac:spMk id="66" creationId="{13F389C5-322E-B3C6-B13D-783A7FF0B9FE}"/>
          </ac:spMkLst>
        </pc:spChg>
        <pc:spChg chg="mod">
          <ac:chgData name="Sarah Tahir" userId="d3593e20-30cf-4cfc-ad44-c3fba6892637" providerId="ADAL" clId="{7C9C9FAC-CEBD-47F5-9DE2-C335411236E6}" dt="2024-10-28T19:04:14.277" v="367"/>
          <ac:spMkLst>
            <pc:docMk/>
            <pc:sldMk cId="3748806520" sldId="4108"/>
            <ac:spMk id="67" creationId="{6AF25EAA-7606-CBF5-AF05-057433D745B1}"/>
          </ac:spMkLst>
        </pc:spChg>
        <pc:spChg chg="mod">
          <ac:chgData name="Sarah Tahir" userId="d3593e20-30cf-4cfc-ad44-c3fba6892637" providerId="ADAL" clId="{7C9C9FAC-CEBD-47F5-9DE2-C335411236E6}" dt="2024-10-28T19:04:14.278" v="369"/>
          <ac:spMkLst>
            <pc:docMk/>
            <pc:sldMk cId="3748806520" sldId="4108"/>
            <ac:spMk id="68" creationId="{208BCA6F-3205-0B8D-6364-F7E772A1F186}"/>
          </ac:spMkLst>
        </pc:spChg>
        <pc:spChg chg="mod">
          <ac:chgData name="Sarah Tahir" userId="d3593e20-30cf-4cfc-ad44-c3fba6892637" providerId="ADAL" clId="{7C9C9FAC-CEBD-47F5-9DE2-C335411236E6}" dt="2024-10-28T19:04:14.286" v="380"/>
          <ac:spMkLst>
            <pc:docMk/>
            <pc:sldMk cId="3748806520" sldId="4108"/>
            <ac:spMk id="73" creationId="{D4DA6933-D16C-4CC7-5252-7AAA4B398D09}"/>
          </ac:spMkLst>
        </pc:spChg>
        <pc:spChg chg="mod ord">
          <ac:chgData name="Sarah Tahir" userId="d3593e20-30cf-4cfc-ad44-c3fba6892637" providerId="ADAL" clId="{7C9C9FAC-CEBD-47F5-9DE2-C335411236E6}" dt="2024-10-28T19:04:14.335" v="382"/>
          <ac:spMkLst>
            <pc:docMk/>
            <pc:sldMk cId="3748806520" sldId="4108"/>
            <ac:spMk id="75" creationId="{744C575B-4C99-8B86-640E-B57FED9B8C63}"/>
          </ac:spMkLst>
        </pc:spChg>
        <pc:spChg chg="mod">
          <ac:chgData name="Sarah Tahir" userId="d3593e20-30cf-4cfc-ad44-c3fba6892637" providerId="ADAL" clId="{7C9C9FAC-CEBD-47F5-9DE2-C335411236E6}" dt="2024-10-28T19:04:14.209" v="230"/>
          <ac:spMkLst>
            <pc:docMk/>
            <pc:sldMk cId="3748806520" sldId="4108"/>
            <ac:spMk id="76" creationId="{F155DFDD-53F7-F30C-2927-1DBE65ECD88B}"/>
          </ac:spMkLst>
        </pc:spChg>
        <pc:spChg chg="mod">
          <ac:chgData name="Sarah Tahir" userId="d3593e20-30cf-4cfc-ad44-c3fba6892637" providerId="ADAL" clId="{7C9C9FAC-CEBD-47F5-9DE2-C335411236E6}" dt="2024-10-28T19:04:14.219" v="250"/>
          <ac:spMkLst>
            <pc:docMk/>
            <pc:sldMk cId="3748806520" sldId="4108"/>
            <ac:spMk id="78" creationId="{3788C390-E994-7C34-8EC3-011C0A7BEB4D}"/>
          </ac:spMkLst>
        </pc:spChg>
        <pc:spChg chg="mod">
          <ac:chgData name="Sarah Tahir" userId="d3593e20-30cf-4cfc-ad44-c3fba6892637" providerId="ADAL" clId="{7C9C9FAC-CEBD-47F5-9DE2-C335411236E6}" dt="2024-10-28T19:04:14.228" v="269"/>
          <ac:spMkLst>
            <pc:docMk/>
            <pc:sldMk cId="3748806520" sldId="4108"/>
            <ac:spMk id="80" creationId="{74EF08EE-B6B0-DC3D-0E6D-0ADCCAEAF8FB}"/>
          </ac:spMkLst>
        </pc:spChg>
        <pc:grpChg chg="mod ord">
          <ac:chgData name="Sarah Tahir" userId="d3593e20-30cf-4cfc-ad44-c3fba6892637" providerId="ADAL" clId="{7C9C9FAC-CEBD-47F5-9DE2-C335411236E6}" dt="2024-10-28T19:04:14.336" v="384"/>
          <ac:grpSpMkLst>
            <pc:docMk/>
            <pc:sldMk cId="3748806520" sldId="4108"/>
            <ac:grpSpMk id="41" creationId="{B74EE4E7-3CD6-4813-8F09-A035373904FE}"/>
          </ac:grpSpMkLst>
        </pc:grpChg>
        <pc:graphicFrameChg chg="mod ord">
          <ac:chgData name="Sarah Tahir" userId="d3593e20-30cf-4cfc-ad44-c3fba6892637" providerId="ADAL" clId="{7C9C9FAC-CEBD-47F5-9DE2-C335411236E6}" dt="2024-10-28T19:04:14.341" v="398"/>
          <ac:graphicFrameMkLst>
            <pc:docMk/>
            <pc:sldMk cId="3748806520" sldId="4108"/>
            <ac:graphicFrameMk id="49" creationId="{BB4B57EF-E914-FB84-3BFD-23C5CFB17492}"/>
          </ac:graphicFrameMkLst>
        </pc:graphicFrameChg>
      </pc:sldChg>
      <pc:sldChg chg="modSp mod">
        <pc:chgData name="Sarah Tahir" userId="d3593e20-30cf-4cfc-ad44-c3fba6892637" providerId="ADAL" clId="{7C9C9FAC-CEBD-47F5-9DE2-C335411236E6}" dt="2024-10-28T19:20:58.238" v="1178" actId="20577"/>
        <pc:sldMkLst>
          <pc:docMk/>
          <pc:sldMk cId="2222631047" sldId="4109"/>
        </pc:sldMkLst>
        <pc:spChg chg="mod">
          <ac:chgData name="Sarah Tahir" userId="d3593e20-30cf-4cfc-ad44-c3fba6892637" providerId="ADAL" clId="{7C9C9FAC-CEBD-47F5-9DE2-C335411236E6}" dt="2024-10-28T19:00:18.271" v="57" actId="20577"/>
          <ac:spMkLst>
            <pc:docMk/>
            <pc:sldMk cId="2222631047" sldId="4109"/>
            <ac:spMk id="3" creationId="{630729EE-2C67-D9FD-D030-8D7037B0A54E}"/>
          </ac:spMkLst>
        </pc:spChg>
        <pc:spChg chg="mod">
          <ac:chgData name="Sarah Tahir" userId="d3593e20-30cf-4cfc-ad44-c3fba6892637" providerId="ADAL" clId="{7C9C9FAC-CEBD-47F5-9DE2-C335411236E6}" dt="2024-10-28T19:20:58.238" v="1178" actId="20577"/>
          <ac:spMkLst>
            <pc:docMk/>
            <pc:sldMk cId="2222631047" sldId="4109"/>
            <ac:spMk id="4" creationId="{1306331F-EE51-D410-EE3C-5C3346D6637A}"/>
          </ac:spMkLst>
        </pc:spChg>
      </pc:sldChg>
      <pc:sldChg chg="modSp mod">
        <pc:chgData name="Sarah Tahir" userId="d3593e20-30cf-4cfc-ad44-c3fba6892637" providerId="ADAL" clId="{7C9C9FAC-CEBD-47F5-9DE2-C335411236E6}" dt="2024-10-28T17:14:16.026" v="35" actId="20577"/>
        <pc:sldMkLst>
          <pc:docMk/>
          <pc:sldMk cId="1662207496" sldId="4153"/>
        </pc:sldMkLst>
        <pc:spChg chg="mod">
          <ac:chgData name="Sarah Tahir" userId="d3593e20-30cf-4cfc-ad44-c3fba6892637" providerId="ADAL" clId="{7C9C9FAC-CEBD-47F5-9DE2-C335411236E6}" dt="2024-10-28T17:14:16.026" v="35" actId="20577"/>
          <ac:spMkLst>
            <pc:docMk/>
            <pc:sldMk cId="1662207496" sldId="4153"/>
            <ac:spMk id="3" creationId="{6A2D4F7F-8DF6-AE4B-8DC2-CEBAE8F528BB}"/>
          </ac:spMkLst>
        </pc:spChg>
      </pc:sldChg>
      <pc:sldChg chg="add ord">
        <pc:chgData name="Sarah Tahir" userId="d3593e20-30cf-4cfc-ad44-c3fba6892637" providerId="ADAL" clId="{7C9C9FAC-CEBD-47F5-9DE2-C335411236E6}" dt="2024-10-28T19:00:02.766" v="49"/>
        <pc:sldMkLst>
          <pc:docMk/>
          <pc:sldMk cId="3539144159" sldId="4157"/>
        </pc:sldMkLst>
      </pc:sldChg>
    </pc:docChg>
  </pc:docChgLst>
  <pc:docChgLst>
    <pc:chgData name="Sarah Tahir" userId="S::sarah.tahir@ranchobiosciences.com::d3593e20-30cf-4cfc-ad44-c3fba6892637" providerId="AD" clId="Web-{5B7322CE-1845-631F-FB4E-E2F9100E2EF8}"/>
    <pc:docChg chg="modSld">
      <pc:chgData name="Sarah Tahir" userId="S::sarah.tahir@ranchobiosciences.com::d3593e20-30cf-4cfc-ad44-c3fba6892637" providerId="AD" clId="Web-{5B7322CE-1845-631F-FB4E-E2F9100E2EF8}" dt="2024-08-05T13:50:34.534" v="4" actId="20577"/>
      <pc:docMkLst>
        <pc:docMk/>
      </pc:docMkLst>
    </pc:docChg>
  </pc:docChgLst>
  <pc:docChgLst>
    <pc:chgData name="Oleg Stroganov" userId="72162ba4-8119-4aec-b3de-9997a8a10097" providerId="ADAL" clId="{38FE39B1-BFA7-4152-8A72-A7EEDC240CB0}"/>
    <pc:docChg chg="undo custSel addSld delSld modSld">
      <pc:chgData name="Oleg Stroganov" userId="72162ba4-8119-4aec-b3de-9997a8a10097" providerId="ADAL" clId="{38FE39B1-BFA7-4152-8A72-A7EEDC240CB0}" dt="2024-09-04T01:21:58.164" v="643" actId="6549"/>
      <pc:docMkLst>
        <pc:docMk/>
      </pc:docMkLst>
      <pc:sldChg chg="addSp delSp modSp mod">
        <pc:chgData name="Oleg Stroganov" userId="72162ba4-8119-4aec-b3de-9997a8a10097" providerId="ADAL" clId="{38FE39B1-BFA7-4152-8A72-A7EEDC240CB0}" dt="2024-09-03T18:31:53.039" v="23" actId="6549"/>
        <pc:sldMkLst>
          <pc:docMk/>
          <pc:sldMk cId="745311550" sldId="4120"/>
        </pc:sldMkLst>
        <pc:spChg chg="mod">
          <ac:chgData name="Oleg Stroganov" userId="72162ba4-8119-4aec-b3de-9997a8a10097" providerId="ADAL" clId="{38FE39B1-BFA7-4152-8A72-A7EEDC240CB0}" dt="2024-09-03T18:31:53.039" v="23" actId="6549"/>
          <ac:spMkLst>
            <pc:docMk/>
            <pc:sldMk cId="745311550" sldId="4120"/>
            <ac:spMk id="3" creationId="{5AE8FD57-85E1-67C8-D670-A35E9033BDCF}"/>
          </ac:spMkLst>
        </pc:spChg>
        <pc:graphicFrameChg chg="add mod modGraphic">
          <ac:chgData name="Oleg Stroganov" userId="72162ba4-8119-4aec-b3de-9997a8a10097" providerId="ADAL" clId="{38FE39B1-BFA7-4152-8A72-A7EEDC240CB0}" dt="2024-09-03T18:30:10.782" v="12" actId="1076"/>
          <ac:graphicFrameMkLst>
            <pc:docMk/>
            <pc:sldMk cId="745311550" sldId="4120"/>
            <ac:graphicFrameMk id="10" creationId="{F76236B5-2191-F9F9-85EF-E923303CF907}"/>
          </ac:graphicFrameMkLst>
        </pc:graphicFrameChg>
      </pc:sldChg>
      <pc:sldChg chg="del">
        <pc:chgData name="Oleg Stroganov" userId="72162ba4-8119-4aec-b3de-9997a8a10097" providerId="ADAL" clId="{38FE39B1-BFA7-4152-8A72-A7EEDC240CB0}" dt="2024-09-03T18:35:46.923" v="35" actId="47"/>
        <pc:sldMkLst>
          <pc:docMk/>
          <pc:sldMk cId="348402632" sldId="4122"/>
        </pc:sldMkLst>
      </pc:sldChg>
      <pc:sldChg chg="add">
        <pc:chgData name="Oleg Stroganov" userId="72162ba4-8119-4aec-b3de-9997a8a10097" providerId="ADAL" clId="{38FE39B1-BFA7-4152-8A72-A7EEDC240CB0}" dt="2024-09-03T18:35:17.684" v="33"/>
        <pc:sldMkLst>
          <pc:docMk/>
          <pc:sldMk cId="333225812" sldId="4128"/>
        </pc:sldMkLst>
      </pc:sldChg>
      <pc:sldChg chg="add">
        <pc:chgData name="Oleg Stroganov" userId="72162ba4-8119-4aec-b3de-9997a8a10097" providerId="ADAL" clId="{38FE39B1-BFA7-4152-8A72-A7EEDC240CB0}" dt="2024-09-03T18:35:09.173" v="32"/>
        <pc:sldMkLst>
          <pc:docMk/>
          <pc:sldMk cId="2150487819" sldId="4129"/>
        </pc:sldMkLst>
      </pc:sldChg>
      <pc:sldChg chg="add">
        <pc:chgData name="Oleg Stroganov" userId="72162ba4-8119-4aec-b3de-9997a8a10097" providerId="ADAL" clId="{38FE39B1-BFA7-4152-8A72-A7EEDC240CB0}" dt="2024-09-03T18:35:39.876" v="34"/>
        <pc:sldMkLst>
          <pc:docMk/>
          <pc:sldMk cId="4219786159" sldId="4130"/>
        </pc:sldMkLst>
      </pc:sldChg>
      <pc:sldChg chg="add">
        <pc:chgData name="Oleg Stroganov" userId="72162ba4-8119-4aec-b3de-9997a8a10097" providerId="ADAL" clId="{38FE39B1-BFA7-4152-8A72-A7EEDC240CB0}" dt="2024-09-03T18:33:57.842" v="25"/>
        <pc:sldMkLst>
          <pc:docMk/>
          <pc:sldMk cId="2688794400" sldId="4132"/>
        </pc:sldMkLst>
      </pc:sldChg>
      <pc:sldChg chg="add">
        <pc:chgData name="Oleg Stroganov" userId="72162ba4-8119-4aec-b3de-9997a8a10097" providerId="ADAL" clId="{38FE39B1-BFA7-4152-8A72-A7EEDC240CB0}" dt="2024-09-03T18:33:54.270" v="24"/>
        <pc:sldMkLst>
          <pc:docMk/>
          <pc:sldMk cId="2831149114" sldId="4133"/>
        </pc:sldMkLst>
      </pc:sldChg>
      <pc:sldChg chg="add">
        <pc:chgData name="Oleg Stroganov" userId="72162ba4-8119-4aec-b3de-9997a8a10097" providerId="ADAL" clId="{38FE39B1-BFA7-4152-8A72-A7EEDC240CB0}" dt="2024-09-03T18:34:05.622" v="27"/>
        <pc:sldMkLst>
          <pc:docMk/>
          <pc:sldMk cId="3472243204" sldId="4134"/>
        </pc:sldMkLst>
      </pc:sldChg>
      <pc:sldChg chg="add">
        <pc:chgData name="Oleg Stroganov" userId="72162ba4-8119-4aec-b3de-9997a8a10097" providerId="ADAL" clId="{38FE39B1-BFA7-4152-8A72-A7EEDC240CB0}" dt="2024-09-03T18:34:01.552" v="26"/>
        <pc:sldMkLst>
          <pc:docMk/>
          <pc:sldMk cId="212940894" sldId="4135"/>
        </pc:sldMkLst>
      </pc:sldChg>
      <pc:sldChg chg="add">
        <pc:chgData name="Oleg Stroganov" userId="72162ba4-8119-4aec-b3de-9997a8a10097" providerId="ADAL" clId="{38FE39B1-BFA7-4152-8A72-A7EEDC240CB0}" dt="2024-09-03T18:34:09.746" v="28"/>
        <pc:sldMkLst>
          <pc:docMk/>
          <pc:sldMk cId="640755603" sldId="4136"/>
        </pc:sldMkLst>
      </pc:sldChg>
      <pc:sldChg chg="add">
        <pc:chgData name="Oleg Stroganov" userId="72162ba4-8119-4aec-b3de-9997a8a10097" providerId="ADAL" clId="{38FE39B1-BFA7-4152-8A72-A7EEDC240CB0}" dt="2024-09-03T18:34:24.724" v="29"/>
        <pc:sldMkLst>
          <pc:docMk/>
          <pc:sldMk cId="963505294" sldId="4140"/>
        </pc:sldMkLst>
      </pc:sldChg>
      <pc:sldChg chg="add">
        <pc:chgData name="Oleg Stroganov" userId="72162ba4-8119-4aec-b3de-9997a8a10097" providerId="ADAL" clId="{38FE39B1-BFA7-4152-8A72-A7EEDC240CB0}" dt="2024-09-03T18:34:50.020" v="30"/>
        <pc:sldMkLst>
          <pc:docMk/>
          <pc:sldMk cId="3099907309" sldId="4141"/>
        </pc:sldMkLst>
      </pc:sldChg>
      <pc:sldChg chg="add">
        <pc:chgData name="Oleg Stroganov" userId="72162ba4-8119-4aec-b3de-9997a8a10097" providerId="ADAL" clId="{38FE39B1-BFA7-4152-8A72-A7EEDC240CB0}" dt="2024-09-03T18:34:55.681" v="31"/>
        <pc:sldMkLst>
          <pc:docMk/>
          <pc:sldMk cId="830772666" sldId="4142"/>
        </pc:sldMkLst>
      </pc:sldChg>
      <pc:sldChg chg="addSp delSp modSp new mod">
        <pc:chgData name="Oleg Stroganov" userId="72162ba4-8119-4aec-b3de-9997a8a10097" providerId="ADAL" clId="{38FE39B1-BFA7-4152-8A72-A7EEDC240CB0}" dt="2024-09-04T01:16:16.273" v="401" actId="20577"/>
        <pc:sldMkLst>
          <pc:docMk/>
          <pc:sldMk cId="501803207" sldId="4143"/>
        </pc:sldMkLst>
      </pc:sldChg>
      <pc:sldChg chg="add del">
        <pc:chgData name="Oleg Stroganov" userId="72162ba4-8119-4aec-b3de-9997a8a10097" providerId="ADAL" clId="{38FE39B1-BFA7-4152-8A72-A7EEDC240CB0}" dt="2024-09-04T01:15:52.031" v="374" actId="47"/>
        <pc:sldMkLst>
          <pc:docMk/>
          <pc:sldMk cId="378294016" sldId="4144"/>
        </pc:sldMkLst>
      </pc:sldChg>
      <pc:sldChg chg="addSp modSp add mod">
        <pc:chgData name="Oleg Stroganov" userId="72162ba4-8119-4aec-b3de-9997a8a10097" providerId="ADAL" clId="{38FE39B1-BFA7-4152-8A72-A7EEDC240CB0}" dt="2024-09-04T01:18:53.233" v="586" actId="20577"/>
        <pc:sldMkLst>
          <pc:docMk/>
          <pc:sldMk cId="2305081459" sldId="4145"/>
        </pc:sldMkLst>
      </pc:sldChg>
      <pc:sldChg chg="addSp delSp modSp add mod">
        <pc:chgData name="Oleg Stroganov" userId="72162ba4-8119-4aec-b3de-9997a8a10097" providerId="ADAL" clId="{38FE39B1-BFA7-4152-8A72-A7EEDC240CB0}" dt="2024-09-04T01:20:00.090" v="598" actId="478"/>
        <pc:sldMkLst>
          <pc:docMk/>
          <pc:sldMk cId="4163516020" sldId="4146"/>
        </pc:sldMkLst>
      </pc:sldChg>
      <pc:sldChg chg="delSp modSp add mod">
        <pc:chgData name="Oleg Stroganov" userId="72162ba4-8119-4aec-b3de-9997a8a10097" providerId="ADAL" clId="{38FE39B1-BFA7-4152-8A72-A7EEDC240CB0}" dt="2024-09-04T01:21:58.164" v="643" actId="6549"/>
        <pc:sldMkLst>
          <pc:docMk/>
          <pc:sldMk cId="1978458407" sldId="4147"/>
        </pc:sldMkLst>
      </pc:sldChg>
    </pc:docChg>
  </pc:docChgLst>
  <pc:docChgLst>
    <pc:chgData name="Sarah Tahir" userId="S::sarah.tahir@ranchobiosciences.com::d3593e20-30cf-4cfc-ad44-c3fba6892637" providerId="AD" clId="Web-{9754F9B9-ECC2-C02C-CF84-7E41B91B0128}"/>
    <pc:docChg chg="addSld modSld">
      <pc:chgData name="Sarah Tahir" userId="S::sarah.tahir@ranchobiosciences.com::d3593e20-30cf-4cfc-ad44-c3fba6892637" providerId="AD" clId="Web-{9754F9B9-ECC2-C02C-CF84-7E41B91B0128}" dt="2024-08-29T13:54:16.359" v="12" actId="20577"/>
      <pc:docMkLst>
        <pc:docMk/>
      </pc:docMkLst>
      <pc:sldChg chg="modSp">
        <pc:chgData name="Sarah Tahir" userId="S::sarah.tahir@ranchobiosciences.com::d3593e20-30cf-4cfc-ad44-c3fba6892637" providerId="AD" clId="Web-{9754F9B9-ECC2-C02C-CF84-7E41B91B0128}" dt="2024-08-29T13:53:44.953" v="0" actId="20577"/>
        <pc:sldMkLst>
          <pc:docMk/>
          <pc:sldMk cId="2161088717" sldId="316"/>
        </pc:sldMkLst>
        <pc:spChg chg="mod">
          <ac:chgData name="Sarah Tahir" userId="S::sarah.tahir@ranchobiosciences.com::d3593e20-30cf-4cfc-ad44-c3fba6892637" providerId="AD" clId="Web-{9754F9B9-ECC2-C02C-CF84-7E41B91B0128}" dt="2024-08-29T13:53:44.953" v="0" actId="20577"/>
          <ac:spMkLst>
            <pc:docMk/>
            <pc:sldMk cId="2161088717" sldId="316"/>
            <ac:spMk id="4" creationId="{6D70F8A1-6B1C-403E-93AE-E0D2A87ECB39}"/>
          </ac:spMkLst>
        </pc:spChg>
      </pc:sldChg>
      <pc:sldChg chg="modSp">
        <pc:chgData name="Sarah Tahir" userId="S::sarah.tahir@ranchobiosciences.com::d3593e20-30cf-4cfc-ad44-c3fba6892637" providerId="AD" clId="Web-{9754F9B9-ECC2-C02C-CF84-7E41B91B0128}" dt="2024-08-29T13:53:52.078" v="1" actId="20577"/>
        <pc:sldMkLst>
          <pc:docMk/>
          <pc:sldMk cId="3748806520" sldId="4108"/>
        </pc:sldMkLst>
        <pc:spChg chg="mod">
          <ac:chgData name="Sarah Tahir" userId="S::sarah.tahir@ranchobiosciences.com::d3593e20-30cf-4cfc-ad44-c3fba6892637" providerId="AD" clId="Web-{9754F9B9-ECC2-C02C-CF84-7E41B91B0128}" dt="2024-08-29T13:53:52.078" v="1" actId="20577"/>
          <ac:spMkLst>
            <pc:docMk/>
            <pc:sldMk cId="3748806520" sldId="4108"/>
            <ac:spMk id="75" creationId="{744C575B-4C99-8B86-640E-B57FED9B8C63}"/>
          </ac:spMkLst>
        </pc:spChg>
      </pc:sldChg>
      <pc:sldChg chg="modSp new">
        <pc:chgData name="Sarah Tahir" userId="S::sarah.tahir@ranchobiosciences.com::d3593e20-30cf-4cfc-ad44-c3fba6892637" providerId="AD" clId="Web-{9754F9B9-ECC2-C02C-CF84-7E41B91B0128}" dt="2024-08-29T13:54:16.359" v="12" actId="20577"/>
        <pc:sldMkLst>
          <pc:docMk/>
          <pc:sldMk cId="348402632" sldId="4122"/>
        </pc:sldMkLst>
      </pc:sldChg>
    </pc:docChg>
  </pc:docChgLst>
  <pc:docChgLst>
    <pc:chgData name="Oleg Stroganov" userId="72162ba4-8119-4aec-b3de-9997a8a10097" providerId="ADAL" clId="{61422DE9-2A8F-4569-9095-FFE4CEF4C9F2}"/>
    <pc:docChg chg="undo custSel addSld delSld modSld">
      <pc:chgData name="Oleg Stroganov" userId="72162ba4-8119-4aec-b3de-9997a8a10097" providerId="ADAL" clId="{61422DE9-2A8F-4569-9095-FFE4CEF4C9F2}" dt="2024-11-14T23:42:54.140" v="446" actId="1076"/>
      <pc:docMkLst>
        <pc:docMk/>
      </pc:docMkLst>
      <pc:sldChg chg="modSp mod">
        <pc:chgData name="Oleg Stroganov" userId="72162ba4-8119-4aec-b3de-9997a8a10097" providerId="ADAL" clId="{61422DE9-2A8F-4569-9095-FFE4CEF4C9F2}" dt="2024-11-14T23:38:54.054" v="331" actId="6549"/>
        <pc:sldMkLst>
          <pc:docMk/>
          <pc:sldMk cId="2161088717" sldId="316"/>
        </pc:sldMkLst>
        <pc:spChg chg="mod">
          <ac:chgData name="Oleg Stroganov" userId="72162ba4-8119-4aec-b3de-9997a8a10097" providerId="ADAL" clId="{61422DE9-2A8F-4569-9095-FFE4CEF4C9F2}" dt="2024-11-14T23:38:54.054" v="331" actId="6549"/>
          <ac:spMkLst>
            <pc:docMk/>
            <pc:sldMk cId="2161088717" sldId="316"/>
            <ac:spMk id="4" creationId="{6D70F8A1-6B1C-403E-93AE-E0D2A87ECB39}"/>
          </ac:spMkLst>
        </pc:spChg>
      </pc:sldChg>
      <pc:sldChg chg="addSp delSp modSp mod">
        <pc:chgData name="Oleg Stroganov" userId="72162ba4-8119-4aec-b3de-9997a8a10097" providerId="ADAL" clId="{61422DE9-2A8F-4569-9095-FFE4CEF4C9F2}" dt="2024-11-14T23:36:24.979" v="196" actId="20577"/>
        <pc:sldMkLst>
          <pc:docMk/>
          <pc:sldMk cId="745311550" sldId="4120"/>
        </pc:sldMkLst>
        <pc:spChg chg="mod">
          <ac:chgData name="Oleg Stroganov" userId="72162ba4-8119-4aec-b3de-9997a8a10097" providerId="ADAL" clId="{61422DE9-2A8F-4569-9095-FFE4CEF4C9F2}" dt="2024-11-14T23:33:20.920" v="114" actId="20577"/>
          <ac:spMkLst>
            <pc:docMk/>
            <pc:sldMk cId="745311550" sldId="4120"/>
            <ac:spMk id="2" creationId="{C30A63D6-514E-3252-2877-9EB95025ED18}"/>
          </ac:spMkLst>
        </pc:spChg>
        <pc:spChg chg="mod">
          <ac:chgData name="Oleg Stroganov" userId="72162ba4-8119-4aec-b3de-9997a8a10097" providerId="ADAL" clId="{61422DE9-2A8F-4569-9095-FFE4CEF4C9F2}" dt="2024-11-14T23:36:24.979" v="196" actId="20577"/>
          <ac:spMkLst>
            <pc:docMk/>
            <pc:sldMk cId="745311550" sldId="4120"/>
            <ac:spMk id="3" creationId="{5AE8FD57-85E1-67C8-D670-A35E9033BDCF}"/>
          </ac:spMkLst>
        </pc:spChg>
        <pc:spChg chg="mod">
          <ac:chgData name="Oleg Stroganov" userId="72162ba4-8119-4aec-b3de-9997a8a10097" providerId="ADAL" clId="{61422DE9-2A8F-4569-9095-FFE4CEF4C9F2}" dt="2024-11-14T23:31:19.072" v="61" actId="1076"/>
          <ac:spMkLst>
            <pc:docMk/>
            <pc:sldMk cId="745311550" sldId="4120"/>
            <ac:spMk id="8" creationId="{8961DB8D-D3F1-307E-61C4-0DBA384A333D}"/>
          </ac:spMkLst>
        </pc:spChg>
        <pc:spChg chg="mod">
          <ac:chgData name="Oleg Stroganov" userId="72162ba4-8119-4aec-b3de-9997a8a10097" providerId="ADAL" clId="{61422DE9-2A8F-4569-9095-FFE4CEF4C9F2}" dt="2024-11-14T23:31:19.072" v="61" actId="1076"/>
          <ac:spMkLst>
            <pc:docMk/>
            <pc:sldMk cId="745311550" sldId="4120"/>
            <ac:spMk id="13" creationId="{598BBC8C-2D88-AD3B-9EB6-00B6AE095F7A}"/>
          </ac:spMkLst>
        </pc:spChg>
        <pc:spChg chg="mod">
          <ac:chgData name="Oleg Stroganov" userId="72162ba4-8119-4aec-b3de-9997a8a10097" providerId="ADAL" clId="{61422DE9-2A8F-4569-9095-FFE4CEF4C9F2}" dt="2024-11-14T23:31:19.072" v="61" actId="1076"/>
          <ac:spMkLst>
            <pc:docMk/>
            <pc:sldMk cId="745311550" sldId="4120"/>
            <ac:spMk id="14" creationId="{335F78F8-C431-C435-304A-20AC5B92F772}"/>
          </ac:spMkLst>
        </pc:spChg>
        <pc:spChg chg="mod">
          <ac:chgData name="Oleg Stroganov" userId="72162ba4-8119-4aec-b3de-9997a8a10097" providerId="ADAL" clId="{61422DE9-2A8F-4569-9095-FFE4CEF4C9F2}" dt="2024-11-14T23:31:19.072" v="61" actId="1076"/>
          <ac:spMkLst>
            <pc:docMk/>
            <pc:sldMk cId="745311550" sldId="4120"/>
            <ac:spMk id="18" creationId="{DA00A270-C527-4164-2B10-CE8CA420DBAB}"/>
          </ac:spMkLst>
        </pc:spChg>
        <pc:spChg chg="add mod">
          <ac:chgData name="Oleg Stroganov" userId="72162ba4-8119-4aec-b3de-9997a8a10097" providerId="ADAL" clId="{61422DE9-2A8F-4569-9095-FFE4CEF4C9F2}" dt="2024-11-14T23:31:50.460" v="87" actId="20577"/>
          <ac:spMkLst>
            <pc:docMk/>
            <pc:sldMk cId="745311550" sldId="4120"/>
            <ac:spMk id="22" creationId="{9C067B55-0FB0-FB17-B7B8-0C2755F2B251}"/>
          </ac:spMkLst>
        </pc:spChg>
        <pc:graphicFrameChg chg="add mod modGraphic">
          <ac:chgData name="Oleg Stroganov" userId="72162ba4-8119-4aec-b3de-9997a8a10097" providerId="ADAL" clId="{61422DE9-2A8F-4569-9095-FFE4CEF4C9F2}" dt="2024-11-14T23:31:19.072" v="61" actId="1076"/>
          <ac:graphicFrameMkLst>
            <pc:docMk/>
            <pc:sldMk cId="745311550" sldId="4120"/>
            <ac:graphicFrameMk id="7" creationId="{4B296185-77AA-02D5-D466-1644776C62F2}"/>
          </ac:graphicFrameMkLst>
        </pc:graphicFrameChg>
        <pc:graphicFrameChg chg="mod">
          <ac:chgData name="Oleg Stroganov" userId="72162ba4-8119-4aec-b3de-9997a8a10097" providerId="ADAL" clId="{61422DE9-2A8F-4569-9095-FFE4CEF4C9F2}" dt="2024-11-14T23:31:19.072" v="61" actId="1076"/>
          <ac:graphicFrameMkLst>
            <pc:docMk/>
            <pc:sldMk cId="745311550" sldId="4120"/>
            <ac:graphicFrameMk id="10" creationId="{F76236B5-2191-F9F9-85EF-E923303CF907}"/>
          </ac:graphicFrameMkLst>
        </pc:graphicFrameChg>
        <pc:graphicFrameChg chg="add mod modGraphic">
          <ac:chgData name="Oleg Stroganov" userId="72162ba4-8119-4aec-b3de-9997a8a10097" providerId="ADAL" clId="{61422DE9-2A8F-4569-9095-FFE4CEF4C9F2}" dt="2024-11-14T23:31:19.072" v="61" actId="1076"/>
          <ac:graphicFrameMkLst>
            <pc:docMk/>
            <pc:sldMk cId="745311550" sldId="4120"/>
            <ac:graphicFrameMk id="16" creationId="{FFE5497B-2F4C-90BD-C8DF-9BE1C207B565}"/>
          </ac:graphicFrameMkLst>
        </pc:graphicFrameChg>
        <pc:graphicFrameChg chg="add mod modGraphic">
          <ac:chgData name="Oleg Stroganov" userId="72162ba4-8119-4aec-b3de-9997a8a10097" providerId="ADAL" clId="{61422DE9-2A8F-4569-9095-FFE4CEF4C9F2}" dt="2024-11-14T23:31:19.072" v="61" actId="1076"/>
          <ac:graphicFrameMkLst>
            <pc:docMk/>
            <pc:sldMk cId="745311550" sldId="4120"/>
            <ac:graphicFrameMk id="21" creationId="{CE84C1F4-3D1F-3A98-34B3-E752E964D2C1}"/>
          </ac:graphicFrameMkLst>
        </pc:graphicFrameChg>
        <pc:graphicFrameChg chg="add mod modGraphic">
          <ac:chgData name="Oleg Stroganov" userId="72162ba4-8119-4aec-b3de-9997a8a10097" providerId="ADAL" clId="{61422DE9-2A8F-4569-9095-FFE4CEF4C9F2}" dt="2024-11-14T23:32:59.159" v="95" actId="14100"/>
          <ac:graphicFrameMkLst>
            <pc:docMk/>
            <pc:sldMk cId="745311550" sldId="4120"/>
            <ac:graphicFrameMk id="24" creationId="{D2BD989B-D653-A817-8CB9-3D1C3D98E87D}"/>
          </ac:graphicFrameMkLst>
        </pc:graphicFrameChg>
      </pc:sldChg>
      <pc:sldChg chg="modSp mod">
        <pc:chgData name="Oleg Stroganov" userId="72162ba4-8119-4aec-b3de-9997a8a10097" providerId="ADAL" clId="{61422DE9-2A8F-4569-9095-FFE4CEF4C9F2}" dt="2024-11-14T23:37:22.817" v="312" actId="6549"/>
        <pc:sldMkLst>
          <pc:docMk/>
          <pc:sldMk cId="1662207496" sldId="4153"/>
        </pc:sldMkLst>
        <pc:spChg chg="mod">
          <ac:chgData name="Oleg Stroganov" userId="72162ba4-8119-4aec-b3de-9997a8a10097" providerId="ADAL" clId="{61422DE9-2A8F-4569-9095-FFE4CEF4C9F2}" dt="2024-11-14T23:37:22.817" v="312" actId="6549"/>
          <ac:spMkLst>
            <pc:docMk/>
            <pc:sldMk cId="1662207496" sldId="4153"/>
            <ac:spMk id="3" creationId="{6A2D4F7F-8DF6-AE4B-8DC2-CEBAE8F528BB}"/>
          </ac:spMkLst>
        </pc:spChg>
      </pc:sldChg>
      <pc:sldChg chg="modSp mod">
        <pc:chgData name="Oleg Stroganov" userId="72162ba4-8119-4aec-b3de-9997a8a10097" providerId="ADAL" clId="{61422DE9-2A8F-4569-9095-FFE4CEF4C9F2}" dt="2024-11-14T23:39:05.168" v="363" actId="20577"/>
        <pc:sldMkLst>
          <pc:docMk/>
          <pc:sldMk cId="1895437816" sldId="4156"/>
        </pc:sldMkLst>
        <pc:spChg chg="mod">
          <ac:chgData name="Oleg Stroganov" userId="72162ba4-8119-4aec-b3de-9997a8a10097" providerId="ADAL" clId="{61422DE9-2A8F-4569-9095-FFE4CEF4C9F2}" dt="2024-11-14T23:39:05.168" v="363" actId="20577"/>
          <ac:spMkLst>
            <pc:docMk/>
            <pc:sldMk cId="1895437816" sldId="4156"/>
            <ac:spMk id="3" creationId="{2DE6A92E-1AAA-A48C-0236-6DF22F5908CF}"/>
          </ac:spMkLst>
        </pc:spChg>
      </pc:sldChg>
      <pc:sldChg chg="addSp delSp modSp add mod">
        <pc:chgData name="Oleg Stroganov" userId="72162ba4-8119-4aec-b3de-9997a8a10097" providerId="ADAL" clId="{61422DE9-2A8F-4569-9095-FFE4CEF4C9F2}" dt="2024-11-14T23:42:54.140" v="446" actId="1076"/>
        <pc:sldMkLst>
          <pc:docMk/>
          <pc:sldMk cId="953843083" sldId="4158"/>
        </pc:sldMkLst>
        <pc:spChg chg="mod">
          <ac:chgData name="Oleg Stroganov" userId="72162ba4-8119-4aec-b3de-9997a8a10097" providerId="ADAL" clId="{61422DE9-2A8F-4569-9095-FFE4CEF4C9F2}" dt="2024-11-14T23:33:26.248" v="131" actId="20577"/>
          <ac:spMkLst>
            <pc:docMk/>
            <pc:sldMk cId="953843083" sldId="4158"/>
            <ac:spMk id="2" creationId="{785D6251-D35A-EA7E-CE06-E8BEFC843DC8}"/>
          </ac:spMkLst>
        </pc:spChg>
        <pc:spChg chg="mod">
          <ac:chgData name="Oleg Stroganov" userId="72162ba4-8119-4aec-b3de-9997a8a10097" providerId="ADAL" clId="{61422DE9-2A8F-4569-9095-FFE4CEF4C9F2}" dt="2024-11-14T23:34:46.058" v="171" actId="20577"/>
          <ac:spMkLst>
            <pc:docMk/>
            <pc:sldMk cId="953843083" sldId="4158"/>
            <ac:spMk id="8" creationId="{46BB9315-F7ED-B283-F3A9-541FD64973E8}"/>
          </ac:spMkLst>
        </pc:spChg>
        <pc:spChg chg="mod">
          <ac:chgData name="Oleg Stroganov" userId="72162ba4-8119-4aec-b3de-9997a8a10097" providerId="ADAL" clId="{61422DE9-2A8F-4569-9095-FFE4CEF4C9F2}" dt="2024-11-14T23:34:52.633" v="179" actId="6549"/>
          <ac:spMkLst>
            <pc:docMk/>
            <pc:sldMk cId="953843083" sldId="4158"/>
            <ac:spMk id="13" creationId="{AA194879-5FA1-3828-3DD4-F8A09175D51B}"/>
          </ac:spMkLst>
        </pc:spChg>
        <pc:spChg chg="mod">
          <ac:chgData name="Oleg Stroganov" userId="72162ba4-8119-4aec-b3de-9997a8a10097" providerId="ADAL" clId="{61422DE9-2A8F-4569-9095-FFE4CEF4C9F2}" dt="2024-11-14T23:33:38.535" v="152" actId="6549"/>
          <ac:spMkLst>
            <pc:docMk/>
            <pc:sldMk cId="953843083" sldId="4158"/>
            <ac:spMk id="14" creationId="{2FF8B733-9A90-52D9-1DA2-66E314D2CE8F}"/>
          </ac:spMkLst>
        </pc:spChg>
        <pc:spChg chg="add mod">
          <ac:chgData name="Oleg Stroganov" userId="72162ba4-8119-4aec-b3de-9997a8a10097" providerId="ADAL" clId="{61422DE9-2A8F-4569-9095-FFE4CEF4C9F2}" dt="2024-11-14T23:36:46.728" v="270" actId="20577"/>
          <ac:spMkLst>
            <pc:docMk/>
            <pc:sldMk cId="953843083" sldId="4158"/>
            <ac:spMk id="17" creationId="{2D4C6F3E-0456-7D09-2427-B35FED2811B2}"/>
          </ac:spMkLst>
        </pc:spChg>
        <pc:spChg chg="mod">
          <ac:chgData name="Oleg Stroganov" userId="72162ba4-8119-4aec-b3de-9997a8a10097" providerId="ADAL" clId="{61422DE9-2A8F-4569-9095-FFE4CEF4C9F2}" dt="2024-11-14T23:42:54.140" v="446" actId="1076"/>
          <ac:spMkLst>
            <pc:docMk/>
            <pc:sldMk cId="953843083" sldId="4158"/>
            <ac:spMk id="18" creationId="{89C26D10-5F2B-1903-B5EF-5343A79E0BC2}"/>
          </ac:spMkLst>
        </pc:spChg>
        <pc:graphicFrameChg chg="add mod modGraphic">
          <ac:chgData name="Oleg Stroganov" userId="72162ba4-8119-4aec-b3de-9997a8a10097" providerId="ADAL" clId="{61422DE9-2A8F-4569-9095-FFE4CEF4C9F2}" dt="2024-11-14T23:34:20.419" v="161" actId="1076"/>
          <ac:graphicFrameMkLst>
            <pc:docMk/>
            <pc:sldMk cId="953843083" sldId="4158"/>
            <ac:graphicFrameMk id="5" creationId="{7846F4DB-267C-E5FC-0ECB-8096499A8D04}"/>
          </ac:graphicFrameMkLst>
        </pc:graphicFrameChg>
        <pc:graphicFrameChg chg="add mod">
          <ac:chgData name="Oleg Stroganov" userId="72162ba4-8119-4aec-b3de-9997a8a10097" providerId="ADAL" clId="{61422DE9-2A8F-4569-9095-FFE4CEF4C9F2}" dt="2024-11-14T23:35:07.651" v="183" actId="1076"/>
          <ac:graphicFrameMkLst>
            <pc:docMk/>
            <pc:sldMk cId="953843083" sldId="4158"/>
            <ac:graphicFrameMk id="9" creationId="{9CF586C0-844F-36AD-60B3-98A65C265356}"/>
          </ac:graphicFrameMkLst>
        </pc:graphicFrameChg>
        <pc:graphicFrameChg chg="add mod">
          <ac:chgData name="Oleg Stroganov" userId="72162ba4-8119-4aec-b3de-9997a8a10097" providerId="ADAL" clId="{61422DE9-2A8F-4569-9095-FFE4CEF4C9F2}" dt="2024-11-14T23:35:41.389" v="186" actId="1076"/>
          <ac:graphicFrameMkLst>
            <pc:docMk/>
            <pc:sldMk cId="953843083" sldId="4158"/>
            <ac:graphicFrameMk id="12" creationId="{A7F32ED6-175F-60D4-B6CF-FA2CE2C83C12}"/>
          </ac:graphicFrameMkLst>
        </pc:graphicFrameChg>
      </pc:sldChg>
      <pc:sldChg chg="add del">
        <pc:chgData name="Oleg Stroganov" userId="72162ba4-8119-4aec-b3de-9997a8a10097" providerId="ADAL" clId="{61422DE9-2A8F-4569-9095-FFE4CEF4C9F2}" dt="2024-11-14T23:31:34.608" v="65"/>
        <pc:sldMkLst>
          <pc:docMk/>
          <pc:sldMk cId="2305007932" sldId="4159"/>
        </pc:sldMkLst>
      </pc:sldChg>
    </pc:docChg>
  </pc:docChgLst>
  <pc:docChgLst>
    <pc:chgData name="Bing Zhou" userId="S::bing.zhou@ranchobiosciences.com::857ff832-fab5-4c1e-bc45-476bf78abd88" providerId="AD" clId="Web-{6457C2BE-BD88-4049-95EA-A13CDA7BAF59}"/>
    <pc:docChg chg="modSld">
      <pc:chgData name="Bing Zhou" userId="S::bing.zhou@ranchobiosciences.com::857ff832-fab5-4c1e-bc45-476bf78abd88" providerId="AD" clId="Web-{6457C2BE-BD88-4049-95EA-A13CDA7BAF59}" dt="2023-09-05T16:28:55.611" v="10" actId="20577"/>
      <pc:docMkLst>
        <pc:docMk/>
      </pc:docMkLst>
      <pc:sldChg chg="modSp">
        <pc:chgData name="Bing Zhou" userId="S::bing.zhou@ranchobiosciences.com::857ff832-fab5-4c1e-bc45-476bf78abd88" providerId="AD" clId="Web-{6457C2BE-BD88-4049-95EA-A13CDA7BAF59}" dt="2023-09-05T16:28:55.611" v="10" actId="20577"/>
        <pc:sldMkLst>
          <pc:docMk/>
          <pc:sldMk cId="3100179150" sldId="1360"/>
        </pc:sldMkLst>
      </pc:sldChg>
    </pc:docChg>
  </pc:docChgLst>
  <pc:docChgLst>
    <pc:chgData name="Oleg Stroganov" userId="72162ba4-8119-4aec-b3de-9997a8a10097" providerId="ADAL" clId="{339D3B5E-D222-4388-811F-DB867AABBCB9}"/>
    <pc:docChg chg="undo custSel addSld modSld">
      <pc:chgData name="Oleg Stroganov" userId="72162ba4-8119-4aec-b3de-9997a8a10097" providerId="ADAL" clId="{339D3B5E-D222-4388-811F-DB867AABBCB9}" dt="2024-09-30T16:56:24.375" v="319" actId="1076"/>
      <pc:docMkLst>
        <pc:docMk/>
      </pc:docMkLst>
      <pc:sldChg chg="addSp delSp modSp mod">
        <pc:chgData name="Oleg Stroganov" userId="72162ba4-8119-4aec-b3de-9997a8a10097" providerId="ADAL" clId="{339D3B5E-D222-4388-811F-DB867AABBCB9}" dt="2024-09-30T16:26:39.690" v="39" actId="6549"/>
        <pc:sldMkLst>
          <pc:docMk/>
          <pc:sldMk cId="745311550" sldId="4120"/>
        </pc:sldMkLst>
        <pc:spChg chg="mod">
          <ac:chgData name="Oleg Stroganov" userId="72162ba4-8119-4aec-b3de-9997a8a10097" providerId="ADAL" clId="{339D3B5E-D222-4388-811F-DB867AABBCB9}" dt="2024-09-30T16:26:39.690" v="39" actId="6549"/>
          <ac:spMkLst>
            <pc:docMk/>
            <pc:sldMk cId="745311550" sldId="4120"/>
            <ac:spMk id="3" creationId="{5AE8FD57-85E1-67C8-D670-A35E9033BDCF}"/>
          </ac:spMkLst>
        </pc:spChg>
        <pc:spChg chg="add mod">
          <ac:chgData name="Oleg Stroganov" userId="72162ba4-8119-4aec-b3de-9997a8a10097" providerId="ADAL" clId="{339D3B5E-D222-4388-811F-DB867AABBCB9}" dt="2024-09-30T16:26:02.511" v="35" actId="1076"/>
          <ac:spMkLst>
            <pc:docMk/>
            <pc:sldMk cId="745311550" sldId="4120"/>
            <ac:spMk id="13" creationId="{598BBC8C-2D88-AD3B-9EB6-00B6AE095F7A}"/>
          </ac:spMkLst>
        </pc:spChg>
      </pc:sldChg>
      <pc:sldChg chg="modSp mod">
        <pc:chgData name="Oleg Stroganov" userId="72162ba4-8119-4aec-b3de-9997a8a10097" providerId="ADAL" clId="{339D3B5E-D222-4388-811F-DB867AABBCB9}" dt="2024-09-30T16:26:46.373" v="40" actId="6549"/>
        <pc:sldMkLst>
          <pc:docMk/>
          <pc:sldMk cId="2823241412" sldId="4151"/>
        </pc:sldMkLst>
      </pc:sldChg>
      <pc:sldChg chg="modSp mod">
        <pc:chgData name="Oleg Stroganov" userId="72162ba4-8119-4aec-b3de-9997a8a10097" providerId="ADAL" clId="{339D3B5E-D222-4388-811F-DB867AABBCB9}" dt="2024-09-30T16:27:29.834" v="168" actId="20577"/>
        <pc:sldMkLst>
          <pc:docMk/>
          <pc:sldMk cId="1256524642" sldId="4152"/>
        </pc:sldMkLst>
      </pc:sldChg>
      <pc:sldChg chg="addSp delSp modSp add mod">
        <pc:chgData name="Oleg Stroganov" userId="72162ba4-8119-4aec-b3de-9997a8a10097" providerId="ADAL" clId="{339D3B5E-D222-4388-811F-DB867AABBCB9}" dt="2024-09-30T16:29:39.291" v="256" actId="6549"/>
        <pc:sldMkLst>
          <pc:docMk/>
          <pc:sldMk cId="4024553921" sldId="4156"/>
        </pc:sldMkLst>
      </pc:sldChg>
      <pc:sldChg chg="addSp delSp modSp new mod">
        <pc:chgData name="Oleg Stroganov" userId="72162ba4-8119-4aec-b3de-9997a8a10097" providerId="ADAL" clId="{339D3B5E-D222-4388-811F-DB867AABBCB9}" dt="2024-09-30T16:56:24.375" v="319" actId="1076"/>
        <pc:sldMkLst>
          <pc:docMk/>
          <pc:sldMk cId="2899827396" sldId="4157"/>
        </pc:sldMkLst>
      </pc:sldChg>
    </pc:docChg>
  </pc:docChgLst>
  <pc:docChgLst>
    <pc:chgData name="Oleg Stroganov" userId="S::oleg.stroganov@ranchobiosciences.com::72162ba4-8119-4aec-b3de-9997a8a10097" providerId="AD" clId="Web-{B3786B37-1DCE-44FC-BE63-1268FD8B8CA2}"/>
    <pc:docChg chg="modSld">
      <pc:chgData name="Oleg Stroganov" userId="S::oleg.stroganov@ranchobiosciences.com::72162ba4-8119-4aec-b3de-9997a8a10097" providerId="AD" clId="Web-{B3786B37-1DCE-44FC-BE63-1268FD8B8CA2}" dt="2024-09-05T23:18:55.162" v="14" actId="20577"/>
      <pc:docMkLst>
        <pc:docMk/>
      </pc:docMkLst>
      <pc:sldChg chg="modSp">
        <pc:chgData name="Oleg Stroganov" userId="S::oleg.stroganov@ranchobiosciences.com::72162ba4-8119-4aec-b3de-9997a8a10097" providerId="AD" clId="Web-{B3786B37-1DCE-44FC-BE63-1268FD8B8CA2}" dt="2024-09-05T23:18:55.162" v="14" actId="20577"/>
        <pc:sldMkLst>
          <pc:docMk/>
          <pc:sldMk cId="2222631047" sldId="4109"/>
        </pc:sldMkLst>
        <pc:spChg chg="mod">
          <ac:chgData name="Oleg Stroganov" userId="S::oleg.stroganov@ranchobiosciences.com::72162ba4-8119-4aec-b3de-9997a8a10097" providerId="AD" clId="Web-{B3786B37-1DCE-44FC-BE63-1268FD8B8CA2}" dt="2024-09-05T23:18:55.162" v="14" actId="20577"/>
          <ac:spMkLst>
            <pc:docMk/>
            <pc:sldMk cId="2222631047" sldId="4109"/>
            <ac:spMk id="4" creationId="{1306331F-EE51-D410-EE3C-5C3346D6637A}"/>
          </ac:spMkLst>
        </pc:spChg>
      </pc:sldChg>
    </pc:docChg>
  </pc:docChgLst>
  <pc:docChgLst>
    <pc:chgData name="Sarah Tahir" userId="d3593e20-30cf-4cfc-ad44-c3fba6892637" providerId="ADAL" clId="{F7B4AA64-4711-4833-9176-326191FDF79E}"/>
    <pc:docChg chg="undo redo custSel delSld modSld">
      <pc:chgData name="Sarah Tahir" userId="d3593e20-30cf-4cfc-ad44-c3fba6892637" providerId="ADAL" clId="{F7B4AA64-4711-4833-9176-326191FDF79E}" dt="2024-07-11T16:51:22.999" v="4074" actId="13926"/>
      <pc:docMkLst>
        <pc:docMk/>
      </pc:docMkLst>
      <pc:sldChg chg="modSp mod">
        <pc:chgData name="Sarah Tahir" userId="d3593e20-30cf-4cfc-ad44-c3fba6892637" providerId="ADAL" clId="{F7B4AA64-4711-4833-9176-326191FDF79E}" dt="2024-07-11T16:16:46.176" v="3189" actId="404"/>
        <pc:sldMkLst>
          <pc:docMk/>
          <pc:sldMk cId="2581634024" sldId="325"/>
        </pc:sldMkLst>
      </pc:sldChg>
      <pc:sldChg chg="modSp mod">
        <pc:chgData name="Sarah Tahir" userId="d3593e20-30cf-4cfc-ad44-c3fba6892637" providerId="ADAL" clId="{F7B4AA64-4711-4833-9176-326191FDF79E}" dt="2024-07-03T14:02:00.222" v="78" actId="15"/>
        <pc:sldMkLst>
          <pc:docMk/>
          <pc:sldMk cId="810472003" sldId="326"/>
        </pc:sldMkLst>
      </pc:sldChg>
      <pc:sldChg chg="modSp mod">
        <pc:chgData name="Sarah Tahir" userId="d3593e20-30cf-4cfc-ad44-c3fba6892637" providerId="ADAL" clId="{F7B4AA64-4711-4833-9176-326191FDF79E}" dt="2024-07-11T15:45:44.332" v="3084" actId="20577"/>
        <pc:sldMkLst>
          <pc:docMk/>
          <pc:sldMk cId="2072935868" sldId="328"/>
        </pc:sldMkLst>
      </pc:sldChg>
      <pc:sldChg chg="del mod modShow">
        <pc:chgData name="Sarah Tahir" userId="d3593e20-30cf-4cfc-ad44-c3fba6892637" providerId="ADAL" clId="{F7B4AA64-4711-4833-9176-326191FDF79E}" dt="2024-07-03T23:13:02.706" v="1804" actId="47"/>
        <pc:sldMkLst>
          <pc:docMk/>
          <pc:sldMk cId="1871961293" sldId="1307"/>
        </pc:sldMkLst>
      </pc:sldChg>
      <pc:sldChg chg="del mod modShow">
        <pc:chgData name="Sarah Tahir" userId="d3593e20-30cf-4cfc-ad44-c3fba6892637" providerId="ADAL" clId="{F7B4AA64-4711-4833-9176-326191FDF79E}" dt="2024-07-03T23:13:01.545" v="1802" actId="47"/>
        <pc:sldMkLst>
          <pc:docMk/>
          <pc:sldMk cId="3100179150" sldId="1360"/>
        </pc:sldMkLst>
      </pc:sldChg>
      <pc:sldChg chg="del mod modShow">
        <pc:chgData name="Sarah Tahir" userId="d3593e20-30cf-4cfc-ad44-c3fba6892637" providerId="ADAL" clId="{F7B4AA64-4711-4833-9176-326191FDF79E}" dt="2024-07-03T23:13:00.791" v="1801" actId="47"/>
        <pc:sldMkLst>
          <pc:docMk/>
          <pc:sldMk cId="1176655428" sldId="1361"/>
        </pc:sldMkLst>
      </pc:sldChg>
      <pc:sldChg chg="modSp mod">
        <pc:chgData name="Sarah Tahir" userId="d3593e20-30cf-4cfc-ad44-c3fba6892637" providerId="ADAL" clId="{F7B4AA64-4711-4833-9176-326191FDF79E}" dt="2024-07-03T17:05:22.807" v="907" actId="20577"/>
        <pc:sldMkLst>
          <pc:docMk/>
          <pc:sldMk cId="1923010527" sldId="1460"/>
        </pc:sldMkLst>
      </pc:sldChg>
      <pc:sldChg chg="del mod modShow">
        <pc:chgData name="Sarah Tahir" userId="d3593e20-30cf-4cfc-ad44-c3fba6892637" providerId="ADAL" clId="{F7B4AA64-4711-4833-9176-326191FDF79E}" dt="2024-07-03T23:13:04.068" v="1805" actId="47"/>
        <pc:sldMkLst>
          <pc:docMk/>
          <pc:sldMk cId="2664788744" sldId="1462"/>
        </pc:sldMkLst>
      </pc:sldChg>
      <pc:sldChg chg="del mod modShow">
        <pc:chgData name="Sarah Tahir" userId="d3593e20-30cf-4cfc-ad44-c3fba6892637" providerId="ADAL" clId="{F7B4AA64-4711-4833-9176-326191FDF79E}" dt="2024-07-03T23:13:02.168" v="1803" actId="47"/>
        <pc:sldMkLst>
          <pc:docMk/>
          <pc:sldMk cId="199996539" sldId="1495"/>
        </pc:sldMkLst>
      </pc:sldChg>
      <pc:sldChg chg="modSp mod">
        <pc:chgData name="Sarah Tahir" userId="d3593e20-30cf-4cfc-ad44-c3fba6892637" providerId="ADAL" clId="{F7B4AA64-4711-4833-9176-326191FDF79E}" dt="2024-07-03T14:01:42.286" v="74"/>
        <pc:sldMkLst>
          <pc:docMk/>
          <pc:sldMk cId="3621689416" sldId="4101"/>
        </pc:sldMkLst>
      </pc:sldChg>
      <pc:sldChg chg="addSp modSp mod">
        <pc:chgData name="Sarah Tahir" userId="d3593e20-30cf-4cfc-ad44-c3fba6892637" providerId="ADAL" clId="{F7B4AA64-4711-4833-9176-326191FDF79E}" dt="2024-07-03T14:00:46.464" v="58" actId="14100"/>
        <pc:sldMkLst>
          <pc:docMk/>
          <pc:sldMk cId="2175861465" sldId="4106"/>
        </pc:sldMkLst>
      </pc:sldChg>
    </pc:docChg>
  </pc:docChgLst>
  <pc:docChgLst>
    <pc:chgData name="Oleg Stroganov" userId="S::oleg.stroganov@ranchobiosciences.com::72162ba4-8119-4aec-b3de-9997a8a10097" providerId="AD" clId="Web-{470323E5-1702-47AD-920F-6E28F28A8383}"/>
    <pc:docChg chg="modSld">
      <pc:chgData name="Oleg Stroganov" userId="S::oleg.stroganov@ranchobiosciences.com::72162ba4-8119-4aec-b3de-9997a8a10097" providerId="AD" clId="Web-{470323E5-1702-47AD-920F-6E28F28A8383}" dt="2024-09-30T19:52:12.533" v="45" actId="20577"/>
      <pc:docMkLst>
        <pc:docMk/>
      </pc:docMkLst>
    </pc:docChg>
  </pc:docChgLst>
  <pc:docChgLst>
    <pc:chgData name="Oleg Stroganov" userId="S::oleg.stroganov@ranchobiosciences.com::72162ba4-8119-4aec-b3de-9997a8a10097" providerId="AD" clId="Web-{A72F5A76-47BD-4E2A-A184-ABAAED224CBE}"/>
    <pc:docChg chg="modSld">
      <pc:chgData name="Oleg Stroganov" userId="S::oleg.stroganov@ranchobiosciences.com::72162ba4-8119-4aec-b3de-9997a8a10097" providerId="AD" clId="Web-{A72F5A76-47BD-4E2A-A184-ABAAED224CBE}" dt="2024-11-25T23:09:36.739" v="64" actId="20577"/>
      <pc:docMkLst>
        <pc:docMk/>
      </pc:docMkLst>
      <pc:sldChg chg="modSp">
        <pc:chgData name="Oleg Stroganov" userId="S::oleg.stroganov@ranchobiosciences.com::72162ba4-8119-4aec-b3de-9997a8a10097" providerId="AD" clId="Web-{A72F5A76-47BD-4E2A-A184-ABAAED224CBE}" dt="2024-11-25T23:09:36.739" v="64" actId="20577"/>
        <pc:sldMkLst>
          <pc:docMk/>
          <pc:sldMk cId="2222631047" sldId="4109"/>
        </pc:sldMkLst>
        <pc:spChg chg="mod">
          <ac:chgData name="Oleg Stroganov" userId="S::oleg.stroganov@ranchobiosciences.com::72162ba4-8119-4aec-b3de-9997a8a10097" providerId="AD" clId="Web-{A72F5A76-47BD-4E2A-A184-ABAAED224CBE}" dt="2024-11-25T23:09:36.739" v="64" actId="20577"/>
          <ac:spMkLst>
            <pc:docMk/>
            <pc:sldMk cId="2222631047" sldId="4109"/>
            <ac:spMk id="4" creationId="{1306331F-EE51-D410-EE3C-5C3346D6637A}"/>
          </ac:spMkLst>
        </pc:spChg>
      </pc:sldChg>
    </pc:docChg>
  </pc:docChgLst>
  <pc:docChgLst>
    <pc:chgData name="Oleg Stroganov" userId="72162ba4-8119-4aec-b3de-9997a8a10097" providerId="ADAL" clId="{898AA4EF-8883-414A-AAA2-09CBE076E951}"/>
    <pc:docChg chg="custSel addSld delSld modSld sldOrd">
      <pc:chgData name="Oleg Stroganov" userId="72162ba4-8119-4aec-b3de-9997a8a10097" providerId="ADAL" clId="{898AA4EF-8883-414A-AAA2-09CBE076E951}" dt="2024-10-28T17:18:11.937" v="324" actId="20577"/>
      <pc:docMkLst>
        <pc:docMk/>
      </pc:docMkLst>
      <pc:sldChg chg="addSp delSp modSp mod">
        <pc:chgData name="Oleg Stroganov" userId="72162ba4-8119-4aec-b3de-9997a8a10097" providerId="ADAL" clId="{898AA4EF-8883-414A-AAA2-09CBE076E951}" dt="2024-10-28T17:11:17.109" v="115" actId="15"/>
        <pc:sldMkLst>
          <pc:docMk/>
          <pc:sldMk cId="745311550" sldId="4120"/>
        </pc:sldMkLst>
        <pc:spChg chg="mod">
          <ac:chgData name="Oleg Stroganov" userId="72162ba4-8119-4aec-b3de-9997a8a10097" providerId="ADAL" clId="{898AA4EF-8883-414A-AAA2-09CBE076E951}" dt="2024-10-28T17:11:17.109" v="115" actId="15"/>
          <ac:spMkLst>
            <pc:docMk/>
            <pc:sldMk cId="745311550" sldId="4120"/>
            <ac:spMk id="3" creationId="{5AE8FD57-85E1-67C8-D670-A35E9033BDCF}"/>
          </ac:spMkLst>
        </pc:spChg>
        <pc:spChg chg="mod">
          <ac:chgData name="Oleg Stroganov" userId="72162ba4-8119-4aec-b3de-9997a8a10097" providerId="ADAL" clId="{898AA4EF-8883-414A-AAA2-09CBE076E951}" dt="2024-10-28T17:08:19.750" v="111" actId="1076"/>
          <ac:spMkLst>
            <pc:docMk/>
            <pc:sldMk cId="745311550" sldId="4120"/>
            <ac:spMk id="8" creationId="{8961DB8D-D3F1-307E-61C4-0DBA384A333D}"/>
          </ac:spMkLst>
        </pc:spChg>
        <pc:spChg chg="mod">
          <ac:chgData name="Oleg Stroganov" userId="72162ba4-8119-4aec-b3de-9997a8a10097" providerId="ADAL" clId="{898AA4EF-8883-414A-AAA2-09CBE076E951}" dt="2024-10-28T17:08:19.750" v="111" actId="1076"/>
          <ac:spMkLst>
            <pc:docMk/>
            <pc:sldMk cId="745311550" sldId="4120"/>
            <ac:spMk id="13" creationId="{598BBC8C-2D88-AD3B-9EB6-00B6AE095F7A}"/>
          </ac:spMkLst>
        </pc:spChg>
        <pc:spChg chg="mod">
          <ac:chgData name="Oleg Stroganov" userId="72162ba4-8119-4aec-b3de-9997a8a10097" providerId="ADAL" clId="{898AA4EF-8883-414A-AAA2-09CBE076E951}" dt="2024-10-28T17:08:19.750" v="111" actId="1076"/>
          <ac:spMkLst>
            <pc:docMk/>
            <pc:sldMk cId="745311550" sldId="4120"/>
            <ac:spMk id="14" creationId="{335F78F8-C431-C435-304A-20AC5B92F772}"/>
          </ac:spMkLst>
        </pc:spChg>
        <pc:spChg chg="add mod">
          <ac:chgData name="Oleg Stroganov" userId="72162ba4-8119-4aec-b3de-9997a8a10097" providerId="ADAL" clId="{898AA4EF-8883-414A-AAA2-09CBE076E951}" dt="2024-10-28T17:08:19.750" v="111" actId="1076"/>
          <ac:spMkLst>
            <pc:docMk/>
            <pc:sldMk cId="745311550" sldId="4120"/>
            <ac:spMk id="18" creationId="{DA00A270-C527-4164-2B10-CE8CA420DBAB}"/>
          </ac:spMkLst>
        </pc:spChg>
        <pc:graphicFrameChg chg="mod modGraphic">
          <ac:chgData name="Oleg Stroganov" userId="72162ba4-8119-4aec-b3de-9997a8a10097" providerId="ADAL" clId="{898AA4EF-8883-414A-AAA2-09CBE076E951}" dt="2024-10-28T17:08:19.750" v="111" actId="1076"/>
          <ac:graphicFrameMkLst>
            <pc:docMk/>
            <pc:sldMk cId="745311550" sldId="4120"/>
            <ac:graphicFrameMk id="10" creationId="{F76236B5-2191-F9F9-85EF-E923303CF907}"/>
          </ac:graphicFrameMkLst>
        </pc:graphicFrameChg>
      </pc:sldChg>
      <pc:sldChg chg="del">
        <pc:chgData name="Oleg Stroganov" userId="72162ba4-8119-4aec-b3de-9997a8a10097" providerId="ADAL" clId="{898AA4EF-8883-414A-AAA2-09CBE076E951}" dt="2024-10-28T17:08:22.579" v="112" actId="47"/>
        <pc:sldMkLst>
          <pc:docMk/>
          <pc:sldMk cId="2823241412" sldId="4151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1256524642" sldId="4152"/>
        </pc:sldMkLst>
      </pc:sldChg>
      <pc:sldChg chg="modSp mod ord">
        <pc:chgData name="Oleg Stroganov" userId="72162ba4-8119-4aec-b3de-9997a8a10097" providerId="ADAL" clId="{898AA4EF-8883-414A-AAA2-09CBE076E951}" dt="2024-10-28T17:18:11.937" v="324" actId="20577"/>
        <pc:sldMkLst>
          <pc:docMk/>
          <pc:sldMk cId="1662207496" sldId="4153"/>
        </pc:sldMkLst>
        <pc:spChg chg="mod">
          <ac:chgData name="Oleg Stroganov" userId="72162ba4-8119-4aec-b3de-9997a8a10097" providerId="ADAL" clId="{898AA4EF-8883-414A-AAA2-09CBE076E951}" dt="2024-10-28T17:17:27.580" v="131" actId="21"/>
          <ac:spMkLst>
            <pc:docMk/>
            <pc:sldMk cId="1662207496" sldId="4153"/>
            <ac:spMk id="2" creationId="{802705D6-F30D-67DE-3B00-5D266B377687}"/>
          </ac:spMkLst>
        </pc:spChg>
        <pc:spChg chg="mod">
          <ac:chgData name="Oleg Stroganov" userId="72162ba4-8119-4aec-b3de-9997a8a10097" providerId="ADAL" clId="{898AA4EF-8883-414A-AAA2-09CBE076E951}" dt="2024-10-28T17:18:11.937" v="324" actId="20577"/>
          <ac:spMkLst>
            <pc:docMk/>
            <pc:sldMk cId="1662207496" sldId="4153"/>
            <ac:spMk id="3" creationId="{6A2D4F7F-8DF6-AE4B-8DC2-CEBAE8F528BB}"/>
          </ac:spMkLst>
        </pc:spChg>
      </pc:sldChg>
      <pc:sldChg chg="add">
        <pc:chgData name="Oleg Stroganov" userId="72162ba4-8119-4aec-b3de-9997a8a10097" providerId="ADAL" clId="{898AA4EF-8883-414A-AAA2-09CBE076E951}" dt="2024-10-28T17:17:22.233" v="116"/>
        <pc:sldMkLst>
          <pc:docMk/>
          <pc:sldMk cId="1895437816" sldId="4156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4024553921" sldId="4156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2899827396" sldId="4157"/>
        </pc:sldMkLst>
      </pc:sldChg>
    </pc:docChg>
  </pc:docChgLst>
  <pc:docChgLst>
    <pc:chgData name="Oleg Stroganov" userId="S::oleg.stroganov@ranchobiosciences.com::72162ba4-8119-4aec-b3de-9997a8a10097" providerId="AD" clId="Web-{2DCBF457-5B39-467B-B9F9-4A3EC25432BA}"/>
    <pc:docChg chg="modSld">
      <pc:chgData name="Oleg Stroganov" userId="S::oleg.stroganov@ranchobiosciences.com::72162ba4-8119-4aec-b3de-9997a8a10097" providerId="AD" clId="Web-{2DCBF457-5B39-467B-B9F9-4A3EC25432BA}" dt="2024-08-05T21:45:11.786" v="117" actId="20577"/>
      <pc:docMkLst>
        <pc:docMk/>
      </pc:docMkLst>
      <pc:sldChg chg="modSp">
        <pc:chgData name="Oleg Stroganov" userId="S::oleg.stroganov@ranchobiosciences.com::72162ba4-8119-4aec-b3de-9997a8a10097" providerId="AD" clId="Web-{2DCBF457-5B39-467B-B9F9-4A3EC25432BA}" dt="2024-08-05T21:45:11.786" v="117" actId="20577"/>
        <pc:sldMkLst>
          <pc:docMk/>
          <pc:sldMk cId="2222631047" sldId="4109"/>
        </pc:sldMkLst>
      </pc:sldChg>
    </pc:docChg>
  </pc:docChgLst>
  <pc:docChgLst>
    <pc:chgData name="Sarah Tahir" userId="d3593e20-30cf-4cfc-ad44-c3fba6892637" providerId="ADAL" clId="{B3EE912B-89AC-4082-93EA-94CD1CE0D669}"/>
    <pc:docChg chg="custSel modSld">
      <pc:chgData name="Sarah Tahir" userId="d3593e20-30cf-4cfc-ad44-c3fba6892637" providerId="ADAL" clId="{B3EE912B-89AC-4082-93EA-94CD1CE0D669}" dt="2024-09-30T19:50:03.133" v="1567" actId="20577"/>
      <pc:docMkLst>
        <pc:docMk/>
      </pc:docMkLst>
      <pc:sldChg chg="addSp modSp mod">
        <pc:chgData name="Sarah Tahir" userId="d3593e20-30cf-4cfc-ad44-c3fba6892637" providerId="ADAL" clId="{B3EE912B-89AC-4082-93EA-94CD1CE0D669}" dt="2024-09-30T18:59:45.128" v="795" actId="122"/>
        <pc:sldMkLst>
          <pc:docMk/>
          <pc:sldMk cId="3748806520" sldId="4108"/>
        </pc:sldMkLst>
        <pc:spChg chg="mod ord">
          <ac:chgData name="Sarah Tahir" userId="d3593e20-30cf-4cfc-ad44-c3fba6892637" providerId="ADAL" clId="{B3EE912B-89AC-4082-93EA-94CD1CE0D669}" dt="2024-09-27T23:21:26.674" v="528"/>
          <ac:spMkLst>
            <pc:docMk/>
            <pc:sldMk cId="3748806520" sldId="4108"/>
            <ac:spMk id="3" creationId="{8B9104C3-09D0-0DED-1A56-2C6E3B56A4B1}"/>
          </ac:spMkLst>
        </pc:spChg>
        <pc:spChg chg="mod">
          <ac:chgData name="Sarah Tahir" userId="d3593e20-30cf-4cfc-ad44-c3fba6892637" providerId="ADAL" clId="{B3EE912B-89AC-4082-93EA-94CD1CE0D669}" dt="2024-09-27T23:21:26.675" v="529"/>
          <ac:spMkLst>
            <pc:docMk/>
            <pc:sldMk cId="3748806520" sldId="4108"/>
            <ac:spMk id="4" creationId="{AC91BCFE-0066-0234-3833-774C8701A485}"/>
          </ac:spMkLst>
        </pc:spChg>
        <pc:spChg chg="mod ord">
          <ac:chgData name="Sarah Tahir" userId="d3593e20-30cf-4cfc-ad44-c3fba6892637" providerId="ADAL" clId="{B3EE912B-89AC-4082-93EA-94CD1CE0D669}" dt="2024-09-27T23:21:26.677" v="533" actId="207"/>
          <ac:spMkLst>
            <pc:docMk/>
            <pc:sldMk cId="3748806520" sldId="4108"/>
            <ac:spMk id="5" creationId="{EB460990-2919-F8F7-3FD3-934C87ED4CCE}"/>
          </ac:spMkLst>
        </pc:spChg>
        <pc:spChg chg="mod">
          <ac:chgData name="Sarah Tahir" userId="d3593e20-30cf-4cfc-ad44-c3fba6892637" providerId="ADAL" clId="{B3EE912B-89AC-4082-93EA-94CD1CE0D669}" dt="2024-09-27T23:21:26.678" v="534"/>
          <ac:spMkLst>
            <pc:docMk/>
            <pc:sldMk cId="3748806520" sldId="4108"/>
            <ac:spMk id="6" creationId="{A9813E8A-DC28-B805-0F24-103FC1B5ED37}"/>
          </ac:spMkLst>
        </pc:spChg>
        <pc:spChg chg="mod ord">
          <ac:chgData name="Sarah Tahir" userId="d3593e20-30cf-4cfc-ad44-c3fba6892637" providerId="ADAL" clId="{B3EE912B-89AC-4082-93EA-94CD1CE0D669}" dt="2024-09-27T23:21:26.679" v="536"/>
          <ac:spMkLst>
            <pc:docMk/>
            <pc:sldMk cId="3748806520" sldId="4108"/>
            <ac:spMk id="7" creationId="{C626DE63-D5D7-B253-E6F7-3A93EF8DB263}"/>
          </ac:spMkLst>
        </pc:spChg>
        <pc:spChg chg="mod ord">
          <ac:chgData name="Sarah Tahir" userId="d3593e20-30cf-4cfc-ad44-c3fba6892637" providerId="ADAL" clId="{B3EE912B-89AC-4082-93EA-94CD1CE0D669}" dt="2024-09-27T23:21:26.680" v="540"/>
          <ac:spMkLst>
            <pc:docMk/>
            <pc:sldMk cId="3748806520" sldId="4108"/>
            <ac:spMk id="8" creationId="{8584861C-B530-9F14-9A3E-D32C6D2E36B3}"/>
          </ac:spMkLst>
        </pc:spChg>
        <pc:spChg chg="mod ord">
          <ac:chgData name="Sarah Tahir" userId="d3593e20-30cf-4cfc-ad44-c3fba6892637" providerId="ADAL" clId="{B3EE912B-89AC-4082-93EA-94CD1CE0D669}" dt="2024-09-27T23:21:26.681" v="544"/>
          <ac:spMkLst>
            <pc:docMk/>
            <pc:sldMk cId="3748806520" sldId="4108"/>
            <ac:spMk id="10" creationId="{CBB7C52D-23BD-4E40-7BD7-AE9BD10DD372}"/>
          </ac:spMkLst>
        </pc:spChg>
        <pc:spChg chg="mod ord">
          <ac:chgData name="Sarah Tahir" userId="d3593e20-30cf-4cfc-ad44-c3fba6892637" providerId="ADAL" clId="{B3EE912B-89AC-4082-93EA-94CD1CE0D669}" dt="2024-09-27T23:21:26.683" v="548"/>
          <ac:spMkLst>
            <pc:docMk/>
            <pc:sldMk cId="3748806520" sldId="4108"/>
            <ac:spMk id="12" creationId="{AA4C9D36-0095-8065-7D2C-E8064263361E}"/>
          </ac:spMkLst>
        </pc:spChg>
        <pc:spChg chg="mod ord">
          <ac:chgData name="Sarah Tahir" userId="d3593e20-30cf-4cfc-ad44-c3fba6892637" providerId="ADAL" clId="{B3EE912B-89AC-4082-93EA-94CD1CE0D669}" dt="2024-09-27T23:21:26.684" v="552"/>
          <ac:spMkLst>
            <pc:docMk/>
            <pc:sldMk cId="3748806520" sldId="4108"/>
            <ac:spMk id="14" creationId="{BA5307C6-22FF-D9C6-E3CE-4BFC8DEAE6B2}"/>
          </ac:spMkLst>
        </pc:spChg>
        <pc:spChg chg="mod ord">
          <ac:chgData name="Sarah Tahir" userId="d3593e20-30cf-4cfc-ad44-c3fba6892637" providerId="ADAL" clId="{B3EE912B-89AC-4082-93EA-94CD1CE0D669}" dt="2024-09-27T23:21:26.685" v="556"/>
          <ac:spMkLst>
            <pc:docMk/>
            <pc:sldMk cId="3748806520" sldId="4108"/>
            <ac:spMk id="16" creationId="{CE41261A-5F4D-09BF-A2D7-56E94152A2DC}"/>
          </ac:spMkLst>
        </pc:spChg>
        <pc:spChg chg="mod ord">
          <ac:chgData name="Sarah Tahir" userId="d3593e20-30cf-4cfc-ad44-c3fba6892637" providerId="ADAL" clId="{B3EE912B-89AC-4082-93EA-94CD1CE0D669}" dt="2024-09-27T23:21:26.703" v="604"/>
          <ac:spMkLst>
            <pc:docMk/>
            <pc:sldMk cId="3748806520" sldId="4108"/>
            <ac:spMk id="17" creationId="{D635F5F0-3DFE-0E14-02CB-2A7941EBE7E7}"/>
          </ac:spMkLst>
        </pc:spChg>
        <pc:spChg chg="mod">
          <ac:chgData name="Sarah Tahir" userId="d3593e20-30cf-4cfc-ad44-c3fba6892637" providerId="ADAL" clId="{B3EE912B-89AC-4082-93EA-94CD1CE0D669}" dt="2024-09-27T23:21:26.704" v="606"/>
          <ac:spMkLst>
            <pc:docMk/>
            <pc:sldMk cId="3748806520" sldId="4108"/>
            <ac:spMk id="18" creationId="{171B9641-1B6D-6988-D4DD-3E0C71D27C54}"/>
          </ac:spMkLst>
        </pc:spChg>
        <pc:spChg chg="mod ord">
          <ac:chgData name="Sarah Tahir" userId="d3593e20-30cf-4cfc-ad44-c3fba6892637" providerId="ADAL" clId="{B3EE912B-89AC-4082-93EA-94CD1CE0D669}" dt="2024-09-27T23:21:26.690" v="572"/>
          <ac:spMkLst>
            <pc:docMk/>
            <pc:sldMk cId="3748806520" sldId="4108"/>
            <ac:spMk id="19" creationId="{84F22ACD-0070-11C0-2794-999591045CA7}"/>
          </ac:spMkLst>
        </pc:spChg>
        <pc:spChg chg="mod">
          <ac:chgData name="Sarah Tahir" userId="d3593e20-30cf-4cfc-ad44-c3fba6892637" providerId="ADAL" clId="{B3EE912B-89AC-4082-93EA-94CD1CE0D669}" dt="2024-09-27T23:21:26.691" v="574"/>
          <ac:spMkLst>
            <pc:docMk/>
            <pc:sldMk cId="3748806520" sldId="4108"/>
            <ac:spMk id="20" creationId="{C16F7FF4-2120-C25B-9015-DC6F99D8C543}"/>
          </ac:spMkLst>
        </pc:spChg>
        <pc:spChg chg="mod ord">
          <ac:chgData name="Sarah Tahir" userId="d3593e20-30cf-4cfc-ad44-c3fba6892637" providerId="ADAL" clId="{B3EE912B-89AC-4082-93EA-94CD1CE0D669}" dt="2024-09-27T23:21:26.692" v="578"/>
          <ac:spMkLst>
            <pc:docMk/>
            <pc:sldMk cId="3748806520" sldId="4108"/>
            <ac:spMk id="25" creationId="{6AD22BA8-57CC-D29D-99B4-FD169FF269BE}"/>
          </ac:spMkLst>
        </pc:spChg>
        <pc:spChg chg="mod ord">
          <ac:chgData name="Sarah Tahir" userId="d3593e20-30cf-4cfc-ad44-c3fba6892637" providerId="ADAL" clId="{B3EE912B-89AC-4082-93EA-94CD1CE0D669}" dt="2024-09-27T23:21:26.694" v="582"/>
          <ac:spMkLst>
            <pc:docMk/>
            <pc:sldMk cId="3748806520" sldId="4108"/>
            <ac:spMk id="27" creationId="{E23CCDA4-2F22-9B90-58F1-123EAE057C7F}"/>
          </ac:spMkLst>
        </pc:spChg>
        <pc:spChg chg="mod">
          <ac:chgData name="Sarah Tahir" userId="d3593e20-30cf-4cfc-ad44-c3fba6892637" providerId="ADAL" clId="{B3EE912B-89AC-4082-93EA-94CD1CE0D669}" dt="2024-09-27T23:21:26.695" v="584"/>
          <ac:spMkLst>
            <pc:docMk/>
            <pc:sldMk cId="3748806520" sldId="4108"/>
            <ac:spMk id="28" creationId="{EF8A5168-D97D-32DA-8B2F-E32E59799874}"/>
          </ac:spMkLst>
        </pc:spChg>
        <pc:spChg chg="mod ord">
          <ac:chgData name="Sarah Tahir" userId="d3593e20-30cf-4cfc-ad44-c3fba6892637" providerId="ADAL" clId="{B3EE912B-89AC-4082-93EA-94CD1CE0D669}" dt="2024-09-27T23:21:26.697" v="588"/>
          <ac:spMkLst>
            <pc:docMk/>
            <pc:sldMk cId="3748806520" sldId="4108"/>
            <ac:spMk id="33" creationId="{C82CBC82-2AB4-3F99-769C-2B0D6B55E714}"/>
          </ac:spMkLst>
        </pc:spChg>
        <pc:spChg chg="mod">
          <ac:chgData name="Sarah Tahir" userId="d3593e20-30cf-4cfc-ad44-c3fba6892637" providerId="ADAL" clId="{B3EE912B-89AC-4082-93EA-94CD1CE0D669}" dt="2024-09-27T23:21:26.704" v="608"/>
          <ac:spMkLst>
            <pc:docMk/>
            <pc:sldMk cId="3748806520" sldId="4108"/>
            <ac:spMk id="35" creationId="{3B8C3944-D13D-C7A9-83E7-488DCEFFE46E}"/>
          </ac:spMkLst>
        </pc:spChg>
        <pc:spChg chg="mod">
          <ac:chgData name="Sarah Tahir" userId="d3593e20-30cf-4cfc-ad44-c3fba6892637" providerId="ADAL" clId="{B3EE912B-89AC-4082-93EA-94CD1CE0D669}" dt="2024-09-27T23:21:18.803" v="384"/>
          <ac:spMkLst>
            <pc:docMk/>
            <pc:sldMk cId="3748806520" sldId="4108"/>
            <ac:spMk id="37" creationId="{C301F392-1288-82AD-8E45-334EB7142B17}"/>
          </ac:spMkLst>
        </pc:spChg>
        <pc:spChg chg="mod ord">
          <ac:chgData name="Sarah Tahir" userId="d3593e20-30cf-4cfc-ad44-c3fba6892637" providerId="ADAL" clId="{B3EE912B-89AC-4082-93EA-94CD1CE0D669}" dt="2024-09-27T23:21:26.706" v="612"/>
          <ac:spMkLst>
            <pc:docMk/>
            <pc:sldMk cId="3748806520" sldId="4108"/>
            <ac:spMk id="40" creationId="{1FEF73FC-4585-0C22-F7E8-EC7EC469D3F8}"/>
          </ac:spMkLst>
        </pc:spChg>
        <pc:spChg chg="mod ord">
          <ac:chgData name="Sarah Tahir" userId="d3593e20-30cf-4cfc-ad44-c3fba6892637" providerId="ADAL" clId="{B3EE912B-89AC-4082-93EA-94CD1CE0D669}" dt="2024-09-27T23:21:26.793" v="652"/>
          <ac:spMkLst>
            <pc:docMk/>
            <pc:sldMk cId="3748806520" sldId="4108"/>
            <ac:spMk id="43" creationId="{A94A7F1C-FA4C-E20B-1AE8-27C8812FF07F}"/>
          </ac:spMkLst>
        </pc:spChg>
        <pc:spChg chg="mod ord">
          <ac:chgData name="Sarah Tahir" userId="d3593e20-30cf-4cfc-ad44-c3fba6892637" providerId="ADAL" clId="{B3EE912B-89AC-4082-93EA-94CD1CE0D669}" dt="2024-09-27T23:21:26.791" v="642"/>
          <ac:spMkLst>
            <pc:docMk/>
            <pc:sldMk cId="3748806520" sldId="4108"/>
            <ac:spMk id="44" creationId="{6C0173FC-B6D7-3F57-5C99-EE9BCB3ABE27}"/>
          </ac:spMkLst>
        </pc:spChg>
        <pc:spChg chg="mod ord">
          <ac:chgData name="Sarah Tahir" userId="d3593e20-30cf-4cfc-ad44-c3fba6892637" providerId="ADAL" clId="{B3EE912B-89AC-4082-93EA-94CD1CE0D669}" dt="2024-09-27T23:21:26.792" v="644"/>
          <ac:spMkLst>
            <pc:docMk/>
            <pc:sldMk cId="3748806520" sldId="4108"/>
            <ac:spMk id="45" creationId="{39089A59-E744-5EB3-F5BD-33903C3E6A43}"/>
          </ac:spMkLst>
        </pc:spChg>
        <pc:spChg chg="mod ord">
          <ac:chgData name="Sarah Tahir" userId="d3593e20-30cf-4cfc-ad44-c3fba6892637" providerId="ADAL" clId="{B3EE912B-89AC-4082-93EA-94CD1CE0D669}" dt="2024-09-27T23:21:26.792" v="646"/>
          <ac:spMkLst>
            <pc:docMk/>
            <pc:sldMk cId="3748806520" sldId="4108"/>
            <ac:spMk id="46" creationId="{1CC1E0F9-0A4F-2696-606A-7827159D6CAD}"/>
          </ac:spMkLst>
        </pc:spChg>
        <pc:spChg chg="mod ord">
          <ac:chgData name="Sarah Tahir" userId="d3593e20-30cf-4cfc-ad44-c3fba6892637" providerId="ADAL" clId="{B3EE912B-89AC-4082-93EA-94CD1CE0D669}" dt="2024-09-27T23:21:26.793" v="648"/>
          <ac:spMkLst>
            <pc:docMk/>
            <pc:sldMk cId="3748806520" sldId="4108"/>
            <ac:spMk id="47" creationId="{AB34FAFE-EB30-E78C-D2C9-B49F3B125193}"/>
          </ac:spMkLst>
        </pc:spChg>
        <pc:spChg chg="mod ord">
          <ac:chgData name="Sarah Tahir" userId="d3593e20-30cf-4cfc-ad44-c3fba6892637" providerId="ADAL" clId="{B3EE912B-89AC-4082-93EA-94CD1CE0D669}" dt="2024-09-27T23:21:26.793" v="650"/>
          <ac:spMkLst>
            <pc:docMk/>
            <pc:sldMk cId="3748806520" sldId="4108"/>
            <ac:spMk id="48" creationId="{1EC59185-2E2E-B8C6-3994-A09F599B8D13}"/>
          </ac:spMkLst>
        </pc:spChg>
        <pc:spChg chg="mod ord">
          <ac:chgData name="Sarah Tahir" userId="d3593e20-30cf-4cfc-ad44-c3fba6892637" providerId="ADAL" clId="{B3EE912B-89AC-4082-93EA-94CD1CE0D669}" dt="2024-09-27T23:21:26.698" v="592"/>
          <ac:spMkLst>
            <pc:docMk/>
            <pc:sldMk cId="3748806520" sldId="4108"/>
            <ac:spMk id="51" creationId="{3C2675E6-4F29-B96C-F894-0FED47FE2B53}"/>
          </ac:spMkLst>
        </pc:spChg>
        <pc:spChg chg="mod">
          <ac:chgData name="Sarah Tahir" userId="d3593e20-30cf-4cfc-ad44-c3fba6892637" providerId="ADAL" clId="{B3EE912B-89AC-4082-93EA-94CD1CE0D669}" dt="2024-09-27T23:21:26.699" v="594"/>
          <ac:spMkLst>
            <pc:docMk/>
            <pc:sldMk cId="3748806520" sldId="4108"/>
            <ac:spMk id="52" creationId="{8D32649E-6A5F-DC94-3AA5-4C4437C421D6}"/>
          </ac:spMkLst>
        </pc:spChg>
        <pc:spChg chg="mod">
          <ac:chgData name="Sarah Tahir" userId="d3593e20-30cf-4cfc-ad44-c3fba6892637" providerId="ADAL" clId="{B3EE912B-89AC-4082-93EA-94CD1CE0D669}" dt="2024-09-27T23:21:26.700" v="596"/>
          <ac:spMkLst>
            <pc:docMk/>
            <pc:sldMk cId="3748806520" sldId="4108"/>
            <ac:spMk id="53" creationId="{55B8F9BC-4B4E-B669-40D1-880D59CAAE8E}"/>
          </ac:spMkLst>
        </pc:spChg>
        <pc:spChg chg="mod">
          <ac:chgData name="Sarah Tahir" userId="d3593e20-30cf-4cfc-ad44-c3fba6892637" providerId="ADAL" clId="{B3EE912B-89AC-4082-93EA-94CD1CE0D669}" dt="2024-09-27T23:21:18.790" v="359"/>
          <ac:spMkLst>
            <pc:docMk/>
            <pc:sldMk cId="3748806520" sldId="4108"/>
            <ac:spMk id="55" creationId="{E88C1A57-DB90-8504-ECFD-BBF56398387D}"/>
          </ac:spMkLst>
        </pc:spChg>
        <pc:spChg chg="mod ord">
          <ac:chgData name="Sarah Tahir" userId="d3593e20-30cf-4cfc-ad44-c3fba6892637" providerId="ADAL" clId="{B3EE912B-89AC-4082-93EA-94CD1CE0D669}" dt="2024-09-27T23:21:26.702" v="600"/>
          <ac:spMkLst>
            <pc:docMk/>
            <pc:sldMk cId="3748806520" sldId="4108"/>
            <ac:spMk id="58" creationId="{FAE86ACD-F22E-7F9E-A8D7-A2237B1C87BB}"/>
          </ac:spMkLst>
        </pc:spChg>
        <pc:spChg chg="mod ord">
          <ac:chgData name="Sarah Tahir" userId="d3593e20-30cf-4cfc-ad44-c3fba6892637" providerId="ADAL" clId="{B3EE912B-89AC-4082-93EA-94CD1CE0D669}" dt="2024-09-27T23:21:26.707" v="616"/>
          <ac:spMkLst>
            <pc:docMk/>
            <pc:sldMk cId="3748806520" sldId="4108"/>
            <ac:spMk id="59" creationId="{AB9ABDAD-547A-DC23-8C7F-6C38DCF16920}"/>
          </ac:spMkLst>
        </pc:spChg>
        <pc:spChg chg="mod">
          <ac:chgData name="Sarah Tahir" userId="d3593e20-30cf-4cfc-ad44-c3fba6892637" providerId="ADAL" clId="{B3EE912B-89AC-4082-93EA-94CD1CE0D669}" dt="2024-09-27T23:21:26.708" v="618"/>
          <ac:spMkLst>
            <pc:docMk/>
            <pc:sldMk cId="3748806520" sldId="4108"/>
            <ac:spMk id="60" creationId="{D6C1B21D-F92B-9CE3-0C2B-70C8BA92EBC2}"/>
          </ac:spMkLst>
        </pc:spChg>
        <pc:spChg chg="mod">
          <ac:chgData name="Sarah Tahir" userId="d3593e20-30cf-4cfc-ad44-c3fba6892637" providerId="ADAL" clId="{B3EE912B-89AC-4082-93EA-94CD1CE0D669}" dt="2024-09-27T23:21:26.709" v="620"/>
          <ac:spMkLst>
            <pc:docMk/>
            <pc:sldMk cId="3748806520" sldId="4108"/>
            <ac:spMk id="61" creationId="{5BB36A7B-F38C-338F-5E6C-22FB4A812CEF}"/>
          </ac:spMkLst>
        </pc:spChg>
        <pc:spChg chg="mod">
          <ac:chgData name="Sarah Tahir" userId="d3593e20-30cf-4cfc-ad44-c3fba6892637" providerId="ADAL" clId="{B3EE912B-89AC-4082-93EA-94CD1CE0D669}" dt="2024-09-27T23:21:18.820" v="407" actId="20577"/>
          <ac:spMkLst>
            <pc:docMk/>
            <pc:sldMk cId="3748806520" sldId="4108"/>
            <ac:spMk id="63" creationId="{15772C39-6AD0-F411-45A6-33B760808D9E}"/>
          </ac:spMkLst>
        </pc:spChg>
        <pc:spChg chg="mod ord">
          <ac:chgData name="Sarah Tahir" userId="d3593e20-30cf-4cfc-ad44-c3fba6892637" providerId="ADAL" clId="{B3EE912B-89AC-4082-93EA-94CD1CE0D669}" dt="2024-09-27T23:21:26.711" v="624"/>
          <ac:spMkLst>
            <pc:docMk/>
            <pc:sldMk cId="3748806520" sldId="4108"/>
            <ac:spMk id="66" creationId="{13F389C5-322E-B3C6-B13D-783A7FF0B9FE}"/>
          </ac:spMkLst>
        </pc:spChg>
        <pc:spChg chg="mod ord">
          <ac:chgData name="Sarah Tahir" userId="d3593e20-30cf-4cfc-ad44-c3fba6892637" providerId="ADAL" clId="{B3EE912B-89AC-4082-93EA-94CD1CE0D669}" dt="2024-09-27T23:21:26.712" v="628"/>
          <ac:spMkLst>
            <pc:docMk/>
            <pc:sldMk cId="3748806520" sldId="4108"/>
            <ac:spMk id="67" creationId="{6AF25EAA-7606-CBF5-AF05-057433D745B1}"/>
          </ac:spMkLst>
        </pc:spChg>
        <pc:spChg chg="mod">
          <ac:chgData name="Sarah Tahir" userId="d3593e20-30cf-4cfc-ad44-c3fba6892637" providerId="ADAL" clId="{B3EE912B-89AC-4082-93EA-94CD1CE0D669}" dt="2024-09-27T23:21:26.713" v="630"/>
          <ac:spMkLst>
            <pc:docMk/>
            <pc:sldMk cId="3748806520" sldId="4108"/>
            <ac:spMk id="68" creationId="{208BCA6F-3205-0B8D-6364-F7E772A1F186}"/>
          </ac:spMkLst>
        </pc:spChg>
        <pc:spChg chg="mod">
          <ac:chgData name="Sarah Tahir" userId="d3593e20-30cf-4cfc-ad44-c3fba6892637" providerId="ADAL" clId="{B3EE912B-89AC-4082-93EA-94CD1CE0D669}" dt="2024-09-27T23:21:26.714" v="632"/>
          <ac:spMkLst>
            <pc:docMk/>
            <pc:sldMk cId="3748806520" sldId="4108"/>
            <ac:spMk id="69" creationId="{9244EBDD-CC5E-4238-5389-8BB08D433F3B}"/>
          </ac:spMkLst>
        </pc:spChg>
        <pc:spChg chg="mod">
          <ac:chgData name="Sarah Tahir" userId="d3593e20-30cf-4cfc-ad44-c3fba6892637" providerId="ADAL" clId="{B3EE912B-89AC-4082-93EA-94CD1CE0D669}" dt="2024-09-27T23:21:18.835" v="433"/>
          <ac:spMkLst>
            <pc:docMk/>
            <pc:sldMk cId="3748806520" sldId="4108"/>
            <ac:spMk id="71" creationId="{1E121C77-59B8-3A7D-998A-B5302FEE5BEA}"/>
          </ac:spMkLst>
        </pc:spChg>
        <pc:spChg chg="mod ord">
          <ac:chgData name="Sarah Tahir" userId="d3593e20-30cf-4cfc-ad44-c3fba6892637" providerId="ADAL" clId="{B3EE912B-89AC-4082-93EA-94CD1CE0D669}" dt="2024-09-27T23:21:26.716" v="636"/>
          <ac:spMkLst>
            <pc:docMk/>
            <pc:sldMk cId="3748806520" sldId="4108"/>
            <ac:spMk id="73" creationId="{D4DA6933-D16C-4CC7-5252-7AAA4B398D09}"/>
          </ac:spMkLst>
        </pc:spChg>
        <pc:spChg chg="mod ord">
          <ac:chgData name="Sarah Tahir" userId="d3593e20-30cf-4cfc-ad44-c3fba6892637" providerId="ADAL" clId="{B3EE912B-89AC-4082-93EA-94CD1CE0D669}" dt="2024-09-27T23:21:42.488" v="659" actId="13926"/>
          <ac:spMkLst>
            <pc:docMk/>
            <pc:sldMk cId="3748806520" sldId="4108"/>
            <ac:spMk id="75" creationId="{744C575B-4C99-8B86-640E-B57FED9B8C63}"/>
          </ac:spMkLst>
        </pc:spChg>
        <pc:spChg chg="mod ord">
          <ac:chgData name="Sarah Tahir" userId="d3593e20-30cf-4cfc-ad44-c3fba6892637" providerId="ADAL" clId="{B3EE912B-89AC-4082-93EA-94CD1CE0D669}" dt="2024-09-27T23:21:26.686" v="560"/>
          <ac:spMkLst>
            <pc:docMk/>
            <pc:sldMk cId="3748806520" sldId="4108"/>
            <ac:spMk id="76" creationId="{F155DFDD-53F7-F30C-2927-1DBE65ECD88B}"/>
          </ac:spMkLst>
        </pc:spChg>
        <pc:spChg chg="add mod ord">
          <ac:chgData name="Sarah Tahir" userId="d3593e20-30cf-4cfc-ad44-c3fba6892637" providerId="ADAL" clId="{B3EE912B-89AC-4082-93EA-94CD1CE0D669}" dt="2024-09-27T23:21:26.687" v="564"/>
          <ac:spMkLst>
            <pc:docMk/>
            <pc:sldMk cId="3748806520" sldId="4108"/>
            <ac:spMk id="78" creationId="{3788C390-E994-7C34-8EC3-011C0A7BEB4D}"/>
          </ac:spMkLst>
        </pc:spChg>
        <pc:spChg chg="add mod ord">
          <ac:chgData name="Sarah Tahir" userId="d3593e20-30cf-4cfc-ad44-c3fba6892637" providerId="ADAL" clId="{B3EE912B-89AC-4082-93EA-94CD1CE0D669}" dt="2024-09-27T23:21:26.689" v="568"/>
          <ac:spMkLst>
            <pc:docMk/>
            <pc:sldMk cId="3748806520" sldId="4108"/>
            <ac:spMk id="80" creationId="{74EF08EE-B6B0-DC3D-0E6D-0ADCCAEAF8FB}"/>
          </ac:spMkLst>
        </pc:spChg>
        <pc:grpChg chg="mod ord">
          <ac:chgData name="Sarah Tahir" userId="d3593e20-30cf-4cfc-ad44-c3fba6892637" providerId="ADAL" clId="{B3EE912B-89AC-4082-93EA-94CD1CE0D669}" dt="2024-09-27T23:21:26.791" v="640"/>
          <ac:grpSpMkLst>
            <pc:docMk/>
            <pc:sldMk cId="3748806520" sldId="4108"/>
            <ac:grpSpMk id="41" creationId="{B74EE4E7-3CD6-4813-8F09-A035373904FE}"/>
          </ac:grpSpMkLst>
        </pc:grpChg>
        <pc:graphicFrameChg chg="mod ord">
          <ac:chgData name="Sarah Tahir" userId="d3593e20-30cf-4cfc-ad44-c3fba6892637" providerId="ADAL" clId="{B3EE912B-89AC-4082-93EA-94CD1CE0D669}" dt="2024-09-27T23:21:26.794" v="654"/>
          <ac:graphicFrameMkLst>
            <pc:docMk/>
            <pc:sldMk cId="3748806520" sldId="4108"/>
            <ac:graphicFrameMk id="49" creationId="{BB4B57EF-E914-FB84-3BFD-23C5CFB17492}"/>
          </ac:graphicFrameMkLst>
        </pc:graphicFrameChg>
        <pc:cxnChg chg="mod ord">
          <ac:chgData name="Sarah Tahir" userId="d3593e20-30cf-4cfc-ad44-c3fba6892637" providerId="ADAL" clId="{B3EE912B-89AC-4082-93EA-94CD1CE0D669}" dt="2024-09-27T23:21:18.861" v="470"/>
          <ac:cxnSpMkLst>
            <pc:docMk/>
            <pc:sldMk cId="3748806520" sldId="4108"/>
            <ac:cxnSpMk id="9" creationId="{A76164CD-9C58-C9F0-C73B-746DCCF0D568}"/>
          </ac:cxnSpMkLst>
        </pc:cxnChg>
        <pc:cxnChg chg="mod ord">
          <ac:chgData name="Sarah Tahir" userId="d3593e20-30cf-4cfc-ad44-c3fba6892637" providerId="ADAL" clId="{B3EE912B-89AC-4082-93EA-94CD1CE0D669}" dt="2024-09-27T23:21:18.862" v="472"/>
          <ac:cxnSpMkLst>
            <pc:docMk/>
            <pc:sldMk cId="3748806520" sldId="4108"/>
            <ac:cxnSpMk id="11" creationId="{E673E091-BB5E-373B-2FDF-9BB21C133125}"/>
          </ac:cxnSpMkLst>
        </pc:cxnChg>
        <pc:cxnChg chg="mod ord">
          <ac:chgData name="Sarah Tahir" userId="d3593e20-30cf-4cfc-ad44-c3fba6892637" providerId="ADAL" clId="{B3EE912B-89AC-4082-93EA-94CD1CE0D669}" dt="2024-09-27T23:21:18.863" v="474"/>
          <ac:cxnSpMkLst>
            <pc:docMk/>
            <pc:sldMk cId="3748806520" sldId="4108"/>
            <ac:cxnSpMk id="13" creationId="{6FF047A7-EA29-257A-BD28-EC390D90E5DF}"/>
          </ac:cxnSpMkLst>
        </pc:cxnChg>
        <pc:cxnChg chg="mod ord">
          <ac:chgData name="Sarah Tahir" userId="d3593e20-30cf-4cfc-ad44-c3fba6892637" providerId="ADAL" clId="{B3EE912B-89AC-4082-93EA-94CD1CE0D669}" dt="2024-09-27T23:21:18.863" v="476"/>
          <ac:cxnSpMkLst>
            <pc:docMk/>
            <pc:sldMk cId="3748806520" sldId="4108"/>
            <ac:cxnSpMk id="15" creationId="{F0924A82-C453-8DE5-78B1-106EA45BA345}"/>
          </ac:cxnSpMkLst>
        </pc:cxnChg>
        <pc:cxnChg chg="mod ord">
          <ac:chgData name="Sarah Tahir" userId="d3593e20-30cf-4cfc-ad44-c3fba6892637" providerId="ADAL" clId="{B3EE912B-89AC-4082-93EA-94CD1CE0D669}" dt="2024-09-27T23:21:18.864" v="478"/>
          <ac:cxnSpMkLst>
            <pc:docMk/>
            <pc:sldMk cId="3748806520" sldId="4108"/>
            <ac:cxnSpMk id="50" creationId="{F11EBE5D-C5B1-A431-F5F3-EB5396E62633}"/>
          </ac:cxnSpMkLst>
        </pc:cxnChg>
        <pc:cxnChg chg="add mod ord">
          <ac:chgData name="Sarah Tahir" userId="d3593e20-30cf-4cfc-ad44-c3fba6892637" providerId="ADAL" clId="{B3EE912B-89AC-4082-93EA-94CD1CE0D669}" dt="2024-09-27T23:21:18.864" v="480"/>
          <ac:cxnSpMkLst>
            <pc:docMk/>
            <pc:sldMk cId="3748806520" sldId="4108"/>
            <ac:cxnSpMk id="77" creationId="{F9E91488-3307-3442-4BFC-74BD09F86B88}"/>
          </ac:cxnSpMkLst>
        </pc:cxnChg>
        <pc:cxnChg chg="add mod ord">
          <ac:chgData name="Sarah Tahir" userId="d3593e20-30cf-4cfc-ad44-c3fba6892637" providerId="ADAL" clId="{B3EE912B-89AC-4082-93EA-94CD1CE0D669}" dt="2024-09-27T23:21:18.865" v="482"/>
          <ac:cxnSpMkLst>
            <pc:docMk/>
            <pc:sldMk cId="3748806520" sldId="4108"/>
            <ac:cxnSpMk id="79" creationId="{C6D49CD3-B536-F88D-A120-4E0ABB9B5593}"/>
          </ac:cxnSpMkLst>
        </pc:cxnChg>
      </pc:sldChg>
      <pc:sldChg chg="modSp mod">
        <pc:chgData name="Sarah Tahir" userId="d3593e20-30cf-4cfc-ad44-c3fba6892637" providerId="ADAL" clId="{B3EE912B-89AC-4082-93EA-94CD1CE0D669}" dt="2024-09-30T19:50:03.133" v="1567" actId="20577"/>
        <pc:sldMkLst>
          <pc:docMk/>
          <pc:sldMk cId="2222631047" sldId="4109"/>
        </pc:sldMkLst>
        <pc:spChg chg="mod">
          <ac:chgData name="Sarah Tahir" userId="d3593e20-30cf-4cfc-ad44-c3fba6892637" providerId="ADAL" clId="{B3EE912B-89AC-4082-93EA-94CD1CE0D669}" dt="2024-09-30T19:50:03.133" v="1567" actId="20577"/>
          <ac:spMkLst>
            <pc:docMk/>
            <pc:sldMk cId="2222631047" sldId="4109"/>
            <ac:spMk id="4" creationId="{1306331F-EE51-D410-EE3C-5C3346D6637A}"/>
          </ac:spMkLst>
        </pc:spChg>
      </pc:sldChg>
      <pc:sldChg chg="modSp mod modCm">
        <pc:chgData name="Sarah Tahir" userId="d3593e20-30cf-4cfc-ad44-c3fba6892637" providerId="ADAL" clId="{B3EE912B-89AC-4082-93EA-94CD1CE0D669}" dt="2024-09-30T18:44:25.467" v="794" actId="20577"/>
        <pc:sldMkLst>
          <pc:docMk/>
          <pc:sldMk cId="1662207496" sldId="4153"/>
        </pc:sldMkLst>
        <pc:spChg chg="mod">
          <ac:chgData name="Sarah Tahir" userId="d3593e20-30cf-4cfc-ad44-c3fba6892637" providerId="ADAL" clId="{B3EE912B-89AC-4082-93EA-94CD1CE0D669}" dt="2024-09-30T18:44:25.467" v="794" actId="20577"/>
          <ac:spMkLst>
            <pc:docMk/>
            <pc:sldMk cId="1662207496" sldId="4153"/>
            <ac:spMk id="3" creationId="{6A2D4F7F-8DF6-AE4B-8DC2-CEBAE8F528BB}"/>
          </ac:spMkLst>
        </pc:spChg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Sarah Tahir" userId="d3593e20-30cf-4cfc-ad44-c3fba6892637" providerId="ADAL" clId="{B3EE912B-89AC-4082-93EA-94CD1CE0D669}" dt="2024-09-30T18:44:25.467" v="794" actId="20577"/>
              <pc2:cmMkLst xmlns:pc2="http://schemas.microsoft.com/office/powerpoint/2019/9/main/command">
                <pc:docMk/>
                <pc:sldMk cId="1662207496" sldId="4153"/>
                <pc2:cmMk id="{93DFF9B4-9799-414C-BC0B-5373FC163C04}"/>
              </pc2:cmMkLst>
            </pc226:cmChg>
          </p:ext>
        </pc:extLst>
      </pc:sldChg>
    </pc:docChg>
  </pc:docChgLst>
  <pc:docChgLst>
    <pc:chgData name="Sarah Tahir" userId="S::sarah.tahir@ranchobiosciences.com::d3593e20-30cf-4cfc-ad44-c3fba6892637" providerId="AD" clId="Web-{9CA5F54C-7ECD-178F-7864-39523958CAB8}"/>
    <pc:docChg chg="addSld modSld sldOrd">
      <pc:chgData name="Sarah Tahir" userId="S::sarah.tahir@ranchobiosciences.com::d3593e20-30cf-4cfc-ad44-c3fba6892637" providerId="AD" clId="Web-{9CA5F54C-7ECD-178F-7864-39523958CAB8}" dt="2024-09-11T18:13:31.390" v="5" actId="20577"/>
      <pc:docMkLst>
        <pc:docMk/>
      </pc:docMkLst>
      <pc:sldChg chg="add ord replId">
        <pc:chgData name="Sarah Tahir" userId="S::sarah.tahir@ranchobiosciences.com::d3593e20-30cf-4cfc-ad44-c3fba6892637" providerId="AD" clId="Web-{9CA5F54C-7ECD-178F-7864-39523958CAB8}" dt="2024-09-11T18:13:21.374" v="2"/>
        <pc:sldMkLst>
          <pc:docMk/>
          <pc:sldMk cId="1029788068" sldId="4150"/>
        </pc:sldMkLst>
      </pc:sldChg>
    </pc:docChg>
  </pc:docChgLst>
  <pc:docChgLst>
    <pc:chgData name="Sarah Tahir" userId="S::sarah.tahir@ranchobiosciences.com::d3593e20-30cf-4cfc-ad44-c3fba6892637" providerId="AD" clId="Web-{AE161B1E-04C9-A78E-B948-05A45FE678D4}"/>
    <pc:docChg chg="addSld modSld sldOrd">
      <pc:chgData name="Sarah Tahir" userId="S::sarah.tahir@ranchobiosciences.com::d3593e20-30cf-4cfc-ad44-c3fba6892637" providerId="AD" clId="Web-{AE161B1E-04C9-A78E-B948-05A45FE678D4}" dt="2024-11-18T19:13:10.769" v="28" actId="20577"/>
      <pc:docMkLst>
        <pc:docMk/>
      </pc:docMkLst>
      <pc:sldChg chg="modSp">
        <pc:chgData name="Sarah Tahir" userId="S::sarah.tahir@ranchobiosciences.com::d3593e20-30cf-4cfc-ad44-c3fba6892637" providerId="AD" clId="Web-{AE161B1E-04C9-A78E-B948-05A45FE678D4}" dt="2024-11-18T19:07:47.196" v="2" actId="20577"/>
        <pc:sldMkLst>
          <pc:docMk/>
          <pc:sldMk cId="3748806520" sldId="4108"/>
        </pc:sldMkLst>
        <pc:spChg chg="mod">
          <ac:chgData name="Sarah Tahir" userId="S::sarah.tahir@ranchobiosciences.com::d3593e20-30cf-4cfc-ad44-c3fba6892637" providerId="AD" clId="Web-{AE161B1E-04C9-A78E-B948-05A45FE678D4}" dt="2024-11-18T19:07:47.196" v="2" actId="20577"/>
          <ac:spMkLst>
            <pc:docMk/>
            <pc:sldMk cId="3748806520" sldId="4108"/>
            <ac:spMk id="75" creationId="{744C575B-4C99-8B86-640E-B57FED9B8C63}"/>
          </ac:spMkLst>
        </pc:spChg>
      </pc:sldChg>
      <pc:sldChg chg="modSp ord">
        <pc:chgData name="Sarah Tahir" userId="S::sarah.tahir@ranchobiosciences.com::d3593e20-30cf-4cfc-ad44-c3fba6892637" providerId="AD" clId="Web-{AE161B1E-04C9-A78E-B948-05A45FE678D4}" dt="2024-11-18T19:13:10.769" v="28" actId="20577"/>
        <pc:sldMkLst>
          <pc:docMk/>
          <pc:sldMk cId="3951278004" sldId="4160"/>
        </pc:sldMkLst>
        <pc:spChg chg="mod">
          <ac:chgData name="Sarah Tahir" userId="S::sarah.tahir@ranchobiosciences.com::d3593e20-30cf-4cfc-ad44-c3fba6892637" providerId="AD" clId="Web-{AE161B1E-04C9-A78E-B948-05A45FE678D4}" dt="2024-11-18T19:13:10.769" v="28" actId="20577"/>
          <ac:spMkLst>
            <pc:docMk/>
            <pc:sldMk cId="3951278004" sldId="4160"/>
            <ac:spMk id="3" creationId="{14A49402-42C7-5819-6DF8-C7913D08D64D}"/>
          </ac:spMkLst>
        </pc:spChg>
      </pc:sldChg>
      <pc:sldChg chg="modSp add ord replId">
        <pc:chgData name="Sarah Tahir" userId="S::sarah.tahir@ranchobiosciences.com::d3593e20-30cf-4cfc-ad44-c3fba6892637" providerId="AD" clId="Web-{AE161B1E-04C9-A78E-B948-05A45FE678D4}" dt="2024-11-18T19:13:05.613" v="22" actId="20577"/>
        <pc:sldMkLst>
          <pc:docMk/>
          <pc:sldMk cId="2112155354" sldId="4161"/>
        </pc:sldMkLst>
        <pc:spChg chg="mod">
          <ac:chgData name="Sarah Tahir" userId="S::sarah.tahir@ranchobiosciences.com::d3593e20-30cf-4cfc-ad44-c3fba6892637" providerId="AD" clId="Web-{AE161B1E-04C9-A78E-B948-05A45FE678D4}" dt="2024-11-18T19:13:05.613" v="22" actId="20577"/>
          <ac:spMkLst>
            <pc:docMk/>
            <pc:sldMk cId="2112155354" sldId="4161"/>
            <ac:spMk id="3" creationId="{630729EE-2C67-D9FD-D030-8D7037B0A54E}"/>
          </ac:spMkLst>
        </pc:spChg>
      </pc:sldChg>
    </pc:docChg>
  </pc:docChgLst>
  <pc:docChgLst>
    <pc:chgData clId="Web-{DC085D50-F2CF-4265-B5DE-12AC5C149AB9}"/>
    <pc:docChg chg="sldOrd">
      <pc:chgData name="" userId="" providerId="" clId="Web-{DC085D50-F2CF-4265-B5DE-12AC5C149AB9}" dt="2023-09-12T17:36:14.703" v="0"/>
      <pc:docMkLst>
        <pc:docMk/>
      </pc:docMkLst>
      <pc:sldChg chg="ord">
        <pc:chgData name="" userId="" providerId="" clId="Web-{DC085D50-F2CF-4265-B5DE-12AC5C149AB9}" dt="2023-09-12T17:36:14.703" v="0"/>
        <pc:sldMkLst>
          <pc:docMk/>
          <pc:sldMk cId="1982500235" sldId="1504"/>
        </pc:sldMkLst>
      </pc:sldChg>
    </pc:docChg>
  </pc:docChgLst>
  <pc:docChgLst>
    <pc:chgData name="Sarah Tahir" userId="d3593e20-30cf-4cfc-ad44-c3fba6892637" providerId="ADAL" clId="{117FCD70-DE17-49FD-B127-B16ACDE5C3B9}"/>
    <pc:docChg chg="custSel addSld modSld sldOrd">
      <pc:chgData name="Sarah Tahir" userId="d3593e20-30cf-4cfc-ad44-c3fba6892637" providerId="ADAL" clId="{117FCD70-DE17-49FD-B127-B16ACDE5C3B9}" dt="2024-09-04T16:29:45.734" v="911" actId="20577"/>
      <pc:docMkLst>
        <pc:docMk/>
      </pc:docMkLst>
      <pc:sldChg chg="addSp modSp new mod modClrScheme chgLayout">
        <pc:chgData name="Sarah Tahir" userId="d3593e20-30cf-4cfc-ad44-c3fba6892637" providerId="ADAL" clId="{117FCD70-DE17-49FD-B127-B16ACDE5C3B9}" dt="2024-09-04T15:30:19.281" v="628" actId="20577"/>
        <pc:sldMkLst>
          <pc:docMk/>
          <pc:sldMk cId="336283001" sldId="4148"/>
        </pc:sldMkLst>
      </pc:sldChg>
      <pc:sldChg chg="add ord">
        <pc:chgData name="Sarah Tahir" userId="d3593e20-30cf-4cfc-ad44-c3fba6892637" providerId="ADAL" clId="{117FCD70-DE17-49FD-B127-B16ACDE5C3B9}" dt="2024-09-04T15:31:00.058" v="631"/>
        <pc:sldMkLst>
          <pc:docMk/>
          <pc:sldMk cId="1957342512" sldId="4149"/>
        </pc:sldMkLst>
      </pc:sldChg>
    </pc:docChg>
  </pc:docChgLst>
  <pc:docChgLst>
    <pc:chgData name="Sarah Tahir" userId="d3593e20-30cf-4cfc-ad44-c3fba6892637" providerId="ADAL" clId="{C211A022-3852-4344-80A9-B7CC7FF0983C}"/>
    <pc:docChg chg="undo custSel addSld delSld modSld">
      <pc:chgData name="Sarah Tahir" userId="d3593e20-30cf-4cfc-ad44-c3fba6892637" providerId="ADAL" clId="{C211A022-3852-4344-80A9-B7CC7FF0983C}" dt="2024-07-22T20:02:34.697" v="3565" actId="113"/>
      <pc:docMkLst>
        <pc:docMk/>
      </pc:docMkLst>
      <pc:sldChg chg="modSp mod">
        <pc:chgData name="Sarah Tahir" userId="d3593e20-30cf-4cfc-ad44-c3fba6892637" providerId="ADAL" clId="{C211A022-3852-4344-80A9-B7CC7FF0983C}" dt="2024-07-22T16:15:18.855" v="289" actId="5793"/>
        <pc:sldMkLst>
          <pc:docMk/>
          <pc:sldMk cId="2161088717" sldId="316"/>
        </pc:sldMkLst>
      </pc:sldChg>
      <pc:sldChg chg="addSp modSp mod replTag delTag">
        <pc:chgData name="Sarah Tahir" userId="d3593e20-30cf-4cfc-ad44-c3fba6892637" providerId="ADAL" clId="{C211A022-3852-4344-80A9-B7CC7FF0983C}" dt="2024-07-22T18:05:58.808" v="1492" actId="113"/>
        <pc:sldMkLst>
          <pc:docMk/>
          <pc:sldMk cId="3748806520" sldId="4108"/>
        </pc:sldMkLst>
      </pc:sldChg>
      <pc:sldChg chg="modSp mod">
        <pc:chgData name="Sarah Tahir" userId="d3593e20-30cf-4cfc-ad44-c3fba6892637" providerId="ADAL" clId="{C211A022-3852-4344-80A9-B7CC7FF0983C}" dt="2024-07-22T20:02:21.815" v="3562" actId="20577"/>
        <pc:sldMkLst>
          <pc:docMk/>
          <pc:sldMk cId="2222631047" sldId="4109"/>
        </pc:sldMkLst>
      </pc:sldChg>
      <pc:sldChg chg="modSp mod">
        <pc:chgData name="Sarah Tahir" userId="d3593e20-30cf-4cfc-ad44-c3fba6892637" providerId="ADAL" clId="{C211A022-3852-4344-80A9-B7CC7FF0983C}" dt="2024-07-22T19:50:35.257" v="2746" actId="20577"/>
        <pc:sldMkLst>
          <pc:docMk/>
          <pc:sldMk cId="3727935733" sldId="4110"/>
        </pc:sldMkLst>
      </pc:sldChg>
      <pc:sldChg chg="modSp mod">
        <pc:chgData name="Sarah Tahir" userId="d3593e20-30cf-4cfc-ad44-c3fba6892637" providerId="ADAL" clId="{C211A022-3852-4344-80A9-B7CC7FF0983C}" dt="2024-07-22T19:50:40.819" v="2748" actId="20577"/>
        <pc:sldMkLst>
          <pc:docMk/>
          <pc:sldMk cId="3257020679" sldId="4114"/>
        </pc:sldMkLst>
      </pc:sldChg>
      <pc:sldChg chg="addSp delSp modSp del mod">
        <pc:chgData name="Sarah Tahir" userId="d3593e20-30cf-4cfc-ad44-c3fba6892637" providerId="ADAL" clId="{C211A022-3852-4344-80A9-B7CC7FF0983C}" dt="2024-07-22T13:26:15.561" v="86" actId="47"/>
        <pc:sldMkLst>
          <pc:docMk/>
          <pc:sldMk cId="3844523255" sldId="4116"/>
        </pc:sldMkLst>
      </pc:sldChg>
      <pc:sldChg chg="modSp add mod">
        <pc:chgData name="Sarah Tahir" userId="d3593e20-30cf-4cfc-ad44-c3fba6892637" providerId="ADAL" clId="{C211A022-3852-4344-80A9-B7CC7FF0983C}" dt="2024-07-22T20:02:34.697" v="3565" actId="113"/>
        <pc:sldMkLst>
          <pc:docMk/>
          <pc:sldMk cId="754306419" sldId="4117"/>
        </pc:sldMkLst>
      </pc:sldChg>
    </pc:docChg>
  </pc:docChgLst>
  <pc:docChgLst>
    <pc:chgData name="Sarah Tahir" userId="d3593e20-30cf-4cfc-ad44-c3fba6892637" providerId="ADAL" clId="{AA3AF03E-56E9-4983-A24F-8C039E0B59F0}"/>
    <pc:docChg chg="custSel addSld modSld sldOrd">
      <pc:chgData name="Sarah Tahir" userId="d3593e20-30cf-4cfc-ad44-c3fba6892637" providerId="ADAL" clId="{AA3AF03E-56E9-4983-A24F-8C039E0B59F0}" dt="2024-08-19T20:09:08.181" v="975" actId="20577"/>
      <pc:docMkLst>
        <pc:docMk/>
      </pc:docMkLst>
      <pc:sldChg chg="add ord">
        <pc:chgData name="Sarah Tahir" userId="d3593e20-30cf-4cfc-ad44-c3fba6892637" providerId="ADAL" clId="{AA3AF03E-56E9-4983-A24F-8C039E0B59F0}" dt="2024-08-19T19:31:13.138" v="431"/>
        <pc:sldMkLst>
          <pc:docMk/>
          <pc:sldMk cId="3928378403" sldId="4121"/>
        </pc:sldMkLst>
      </pc:sldChg>
    </pc:docChg>
  </pc:docChgLst>
  <pc:docChgLst>
    <pc:chgData name="Oleg Stroganov" userId="72162ba4-8119-4aec-b3de-9997a8a10097" providerId="ADAL" clId="{E86A09DD-F11E-4752-A65D-0AA9350CB32E}"/>
    <pc:docChg chg="undo custSel addSld delSld modSld sldOrd">
      <pc:chgData name="Oleg Stroganov" userId="72162ba4-8119-4aec-b3de-9997a8a10097" providerId="ADAL" clId="{E86A09DD-F11E-4752-A65D-0AA9350CB32E}" dt="2024-08-19T17:18:17.842" v="637" actId="20577"/>
      <pc:docMkLst>
        <pc:docMk/>
      </pc:docMkLst>
      <pc:sldChg chg="del">
        <pc:chgData name="Oleg Stroganov" userId="72162ba4-8119-4aec-b3de-9997a8a10097" providerId="ADAL" clId="{E86A09DD-F11E-4752-A65D-0AA9350CB32E}" dt="2024-08-19T17:11:03.506" v="133" actId="47"/>
        <pc:sldMkLst>
          <pc:docMk/>
          <pc:sldMk cId="1680011828" sldId="4115"/>
        </pc:sldMkLst>
      </pc:sldChg>
      <pc:sldChg chg="addSp delSp modSp mod">
        <pc:chgData name="Oleg Stroganov" userId="72162ba4-8119-4aec-b3de-9997a8a10097" providerId="ADAL" clId="{E86A09DD-F11E-4752-A65D-0AA9350CB32E}" dt="2024-08-19T17:18:17.842" v="637" actId="20577"/>
        <pc:sldMkLst>
          <pc:docMk/>
          <pc:sldMk cId="2309751668" sldId="4118"/>
        </pc:sldMkLst>
      </pc:sldChg>
      <pc:sldChg chg="addSp delSp modSp add mod ord">
        <pc:chgData name="Oleg Stroganov" userId="72162ba4-8119-4aec-b3de-9997a8a10097" providerId="ADAL" clId="{E86A09DD-F11E-4752-A65D-0AA9350CB32E}" dt="2024-08-19T17:13:42.254" v="164"/>
        <pc:sldMkLst>
          <pc:docMk/>
          <pc:sldMk cId="745311550" sldId="4120"/>
        </pc:sldMkLst>
      </pc:sldChg>
    </pc:docChg>
  </pc:docChgLst>
  <pc:docChgLst>
    <pc:chgData name="Sarah Tahir" userId="S::sarah.tahir@ranchobiosciences.com::d3593e20-30cf-4cfc-ad44-c3fba6892637" providerId="AD" clId="Web-{E41F135A-9C6A-38D3-CC5D-BCF1B422E363}"/>
    <pc:docChg chg="modSld">
      <pc:chgData name="Sarah Tahir" userId="S::sarah.tahir@ranchobiosciences.com::d3593e20-30cf-4cfc-ad44-c3fba6892637" providerId="AD" clId="Web-{E41F135A-9C6A-38D3-CC5D-BCF1B422E363}" dt="2024-08-19T15:04:30.169" v="2" actId="20577"/>
      <pc:docMkLst>
        <pc:docMk/>
      </pc:docMkLst>
      <pc:sldChg chg="modSp">
        <pc:chgData name="Sarah Tahir" userId="S::sarah.tahir@ranchobiosciences.com::d3593e20-30cf-4cfc-ad44-c3fba6892637" providerId="AD" clId="Web-{E41F135A-9C6A-38D3-CC5D-BCF1B422E363}" dt="2024-08-19T15:04:22.075" v="0" actId="20577"/>
        <pc:sldMkLst>
          <pc:docMk/>
          <pc:sldMk cId="2161088717" sldId="316"/>
        </pc:sldMkLst>
      </pc:sldChg>
      <pc:sldChg chg="modSp">
        <pc:chgData name="Sarah Tahir" userId="S::sarah.tahir@ranchobiosciences.com::d3593e20-30cf-4cfc-ad44-c3fba6892637" providerId="AD" clId="Web-{E41F135A-9C6A-38D3-CC5D-BCF1B422E363}" dt="2024-08-19T15:04:30.169" v="2" actId="20577"/>
        <pc:sldMkLst>
          <pc:docMk/>
          <pc:sldMk cId="3748806520" sldId="4108"/>
        </pc:sldMkLst>
      </pc:sldChg>
    </pc:docChg>
  </pc:docChgLst>
  <pc:docChgLst>
    <pc:chgData name="Sarah Tahir" userId="S::sarah.tahir@ranchobiosciences.com::d3593e20-30cf-4cfc-ad44-c3fba6892637" providerId="AD" clId="Web-{3D2B2945-8441-DEF2-1120-8F2CD620E750}"/>
    <pc:docChg chg="addSld delSld modSld sldOrd">
      <pc:chgData name="Sarah Tahir" userId="S::sarah.tahir@ranchobiosciences.com::d3593e20-30cf-4cfc-ad44-c3fba6892637" providerId="AD" clId="Web-{3D2B2945-8441-DEF2-1120-8F2CD620E750}" dt="2024-07-22T13:22:54.725" v="110" actId="20577"/>
      <pc:docMkLst>
        <pc:docMk/>
      </pc:docMkLst>
      <pc:sldChg chg="modSp">
        <pc:chgData name="Sarah Tahir" userId="S::sarah.tahir@ranchobiosciences.com::d3593e20-30cf-4cfc-ad44-c3fba6892637" providerId="AD" clId="Web-{3D2B2945-8441-DEF2-1120-8F2CD620E750}" dt="2024-07-22T13:19:51.412" v="0" actId="20577"/>
        <pc:sldMkLst>
          <pc:docMk/>
          <pc:sldMk cId="2161088717" sldId="316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3.943" v="35"/>
        <pc:sldMkLst>
          <pc:docMk/>
          <pc:sldMk cId="2581634024" sldId="325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5.678" v="37"/>
        <pc:sldMkLst>
          <pc:docMk/>
          <pc:sldMk cId="810472003" sldId="326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11.115" v="38"/>
        <pc:sldMkLst>
          <pc:docMk/>
          <pc:sldMk cId="2072935868" sldId="328"/>
        </pc:sldMkLst>
      </pc:sldChg>
      <pc:sldChg chg="delSp del">
        <pc:chgData name="Sarah Tahir" userId="S::sarah.tahir@ranchobiosciences.com::d3593e20-30cf-4cfc-ad44-c3fba6892637" providerId="AD" clId="Web-{3D2B2945-8441-DEF2-1120-8F2CD620E750}" dt="2024-07-22T13:21:53.381" v="81"/>
        <pc:sldMkLst>
          <pc:docMk/>
          <pc:sldMk cId="1770418844" sldId="1457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2.771" v="33"/>
        <pc:sldMkLst>
          <pc:docMk/>
          <pc:sldMk cId="1923010527" sldId="1460"/>
        </pc:sldMkLst>
      </pc:sldChg>
      <pc:sldChg chg="ord">
        <pc:chgData name="Sarah Tahir" userId="S::sarah.tahir@ranchobiosciences.com::d3593e20-30cf-4cfc-ad44-c3fba6892637" providerId="AD" clId="Web-{3D2B2945-8441-DEF2-1120-8F2CD620E750}" dt="2024-07-22T13:21:58.428" v="82"/>
        <pc:sldMkLst>
          <pc:docMk/>
          <pc:sldMk cId="3345940704" sldId="1464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3.365" v="34"/>
        <pc:sldMkLst>
          <pc:docMk/>
          <pc:sldMk cId="912541066" sldId="1465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4.631" v="36"/>
        <pc:sldMkLst>
          <pc:docMk/>
          <pc:sldMk cId="1312704054" sldId="1466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1.506" v="31"/>
        <pc:sldMkLst>
          <pc:docMk/>
          <pc:sldMk cId="3621689416" sldId="4101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2.193" v="32"/>
        <pc:sldMkLst>
          <pc:docMk/>
          <pc:sldMk cId="2175861465" sldId="4106"/>
        </pc:sldMkLst>
      </pc:sldChg>
      <pc:sldChg chg="modSp del">
        <pc:chgData name="Sarah Tahir" userId="S::sarah.tahir@ranchobiosciences.com::d3593e20-30cf-4cfc-ad44-c3fba6892637" providerId="AD" clId="Web-{3D2B2945-8441-DEF2-1120-8F2CD620E750}" dt="2024-07-22T13:22:40.600" v="100" actId="20577"/>
        <pc:sldMkLst>
          <pc:docMk/>
          <pc:sldMk cId="3748806520" sldId="4108"/>
        </pc:sldMkLst>
      </pc:sldChg>
      <pc:sldChg chg="add del replId">
        <pc:chgData name="Sarah Tahir" userId="S::sarah.tahir@ranchobiosciences.com::d3593e20-30cf-4cfc-ad44-c3fba6892637" providerId="AD" clId="Web-{3D2B2945-8441-DEF2-1120-8F2CD620E750}" dt="2024-07-22T13:20:18.084" v="40"/>
        <pc:sldMkLst>
          <pc:docMk/>
          <pc:sldMk cId="2944212049" sldId="4110"/>
        </pc:sldMkLst>
      </pc:sldChg>
      <pc:sldChg chg="modSp add ord replId">
        <pc:chgData name="Sarah Tahir" userId="S::sarah.tahir@ranchobiosciences.com::d3593e20-30cf-4cfc-ad44-c3fba6892637" providerId="AD" clId="Web-{3D2B2945-8441-DEF2-1120-8F2CD620E750}" dt="2024-07-22T13:22:10.178" v="86" actId="20577"/>
        <pc:sldMkLst>
          <pc:docMk/>
          <pc:sldMk cId="3727935733" sldId="4110"/>
        </pc:sldMkLst>
      </pc:sldChg>
      <pc:sldChg chg="modSp add replId">
        <pc:chgData name="Sarah Tahir" userId="S::sarah.tahir@ranchobiosciences.com::d3593e20-30cf-4cfc-ad44-c3fba6892637" providerId="AD" clId="Web-{3D2B2945-8441-DEF2-1120-8F2CD620E750}" dt="2024-07-22T13:21:23.647" v="60" actId="20577"/>
        <pc:sldMkLst>
          <pc:docMk/>
          <pc:sldMk cId="2079167259" sldId="4111"/>
        </pc:sldMkLst>
      </pc:sldChg>
      <pc:sldChg chg="add replId">
        <pc:chgData name="Sarah Tahir" userId="S::sarah.tahir@ranchobiosciences.com::d3593e20-30cf-4cfc-ad44-c3fba6892637" providerId="AD" clId="Web-{3D2B2945-8441-DEF2-1120-8F2CD620E750}" dt="2024-07-22T13:21:02.178" v="51"/>
        <pc:sldMkLst>
          <pc:docMk/>
          <pc:sldMk cId="56298929" sldId="4112"/>
        </pc:sldMkLst>
      </pc:sldChg>
      <pc:sldChg chg="modSp new">
        <pc:chgData name="Sarah Tahir" userId="S::sarah.tahir@ranchobiosciences.com::d3593e20-30cf-4cfc-ad44-c3fba6892637" providerId="AD" clId="Web-{3D2B2945-8441-DEF2-1120-8F2CD620E750}" dt="2024-07-22T13:21:52.303" v="80" actId="20577"/>
        <pc:sldMkLst>
          <pc:docMk/>
          <pc:sldMk cId="1116397748" sldId="4113"/>
        </pc:sldMkLst>
      </pc:sldChg>
      <pc:sldChg chg="add ord replId">
        <pc:chgData name="Sarah Tahir" userId="S::sarah.tahir@ranchobiosciences.com::d3593e20-30cf-4cfc-ad44-c3fba6892637" providerId="AD" clId="Web-{3D2B2945-8441-DEF2-1120-8F2CD620E750}" dt="2024-07-22T13:22:06.647" v="85"/>
        <pc:sldMkLst>
          <pc:docMk/>
          <pc:sldMk cId="3257020679" sldId="4114"/>
        </pc:sldMkLst>
      </pc:sldChg>
      <pc:sldChg chg="modSp new">
        <pc:chgData name="Sarah Tahir" userId="S::sarah.tahir@ranchobiosciences.com::d3593e20-30cf-4cfc-ad44-c3fba6892637" providerId="AD" clId="Web-{3D2B2945-8441-DEF2-1120-8F2CD620E750}" dt="2024-07-22T13:22:28.491" v="98" actId="20577"/>
        <pc:sldMkLst>
          <pc:docMk/>
          <pc:sldMk cId="1680011828" sldId="4115"/>
        </pc:sldMkLst>
      </pc:sldChg>
      <pc:sldChg chg="modSp new ord">
        <pc:chgData name="Sarah Tahir" userId="S::sarah.tahir@ranchobiosciences.com::d3593e20-30cf-4cfc-ad44-c3fba6892637" providerId="AD" clId="Web-{3D2B2945-8441-DEF2-1120-8F2CD620E750}" dt="2024-07-22T13:22:54.725" v="110" actId="20577"/>
        <pc:sldMkLst>
          <pc:docMk/>
          <pc:sldMk cId="3844523255" sldId="4116"/>
        </pc:sldMkLst>
      </pc:sldChg>
    </pc:docChg>
  </pc:docChgLst>
  <pc:docChgLst>
    <pc:chgData name="Oleg Stroganov" userId="S::oleg.stroganov@ranchobiosciences.com::72162ba4-8119-4aec-b3de-9997a8a10097" providerId="AD" clId="Web-{2CBBF15B-ADB7-4633-A46D-A05C812FCE04}"/>
    <pc:docChg chg="modSld">
      <pc:chgData name="Oleg Stroganov" userId="S::oleg.stroganov@ranchobiosciences.com::72162ba4-8119-4aec-b3de-9997a8a10097" providerId="AD" clId="Web-{2CBBF15B-ADB7-4633-A46D-A05C812FCE04}" dt="2024-07-11T16:54:37.951" v="283" actId="20577"/>
      <pc:docMkLst>
        <pc:docMk/>
      </pc:docMkLst>
      <pc:sldChg chg="modSp">
        <pc:chgData name="Oleg Stroganov" userId="S::oleg.stroganov@ranchobiosciences.com::72162ba4-8119-4aec-b3de-9997a8a10097" providerId="AD" clId="Web-{2CBBF15B-ADB7-4633-A46D-A05C812FCE04}" dt="2024-07-11T16:54:37.951" v="283" actId="20577"/>
        <pc:sldMkLst>
          <pc:docMk/>
          <pc:sldMk cId="2222631047" sldId="4109"/>
        </pc:sldMkLst>
      </pc:sldChg>
    </pc:docChg>
  </pc:docChgLst>
  <pc:docChgLst>
    <pc:chgData name="Nicole Leyland" userId="429bae91-3891-4b69-b73a-03980624481f" providerId="ADAL" clId="{FC0F654B-E51D-4497-9182-0C5167714ACA}"/>
    <pc:docChg chg="custSel modSld">
      <pc:chgData name="Nicole Leyland" userId="429bae91-3891-4b69-b73a-03980624481f" providerId="ADAL" clId="{FC0F654B-E51D-4497-9182-0C5167714ACA}" dt="2024-11-25T22:25:12.066" v="112" actId="27636"/>
      <pc:docMkLst>
        <pc:docMk/>
      </pc:docMkLst>
      <pc:sldChg chg="modSp mod">
        <pc:chgData name="Nicole Leyland" userId="429bae91-3891-4b69-b73a-03980624481f" providerId="ADAL" clId="{FC0F654B-E51D-4497-9182-0C5167714ACA}" dt="2024-11-25T20:04:35.552" v="41" actId="207"/>
        <pc:sldMkLst>
          <pc:docMk/>
          <pc:sldMk cId="3748806520" sldId="4108"/>
        </pc:sldMkLst>
        <pc:spChg chg="mod">
          <ac:chgData name="Nicole Leyland" userId="429bae91-3891-4b69-b73a-03980624481f" providerId="ADAL" clId="{FC0F654B-E51D-4497-9182-0C5167714ACA}" dt="2024-11-22T23:17:28.553" v="37" actId="13926"/>
          <ac:spMkLst>
            <pc:docMk/>
            <pc:sldMk cId="3748806520" sldId="4108"/>
            <ac:spMk id="75" creationId="{744C575B-4C99-8B86-640E-B57FED9B8C63}"/>
          </ac:spMkLst>
        </pc:spChg>
        <pc:graphicFrameChg chg="mod">
          <ac:chgData name="Nicole Leyland" userId="429bae91-3891-4b69-b73a-03980624481f" providerId="ADAL" clId="{FC0F654B-E51D-4497-9182-0C5167714ACA}" dt="2024-11-25T20:04:35.552" v="41" actId="207"/>
          <ac:graphicFrameMkLst>
            <pc:docMk/>
            <pc:sldMk cId="3748806520" sldId="4108"/>
            <ac:graphicFrameMk id="49" creationId="{BB4B57EF-E914-FB84-3BFD-23C5CFB17492}"/>
          </ac:graphicFrameMkLst>
        </pc:graphicFrameChg>
      </pc:sldChg>
      <pc:sldChg chg="modSp mod">
        <pc:chgData name="Nicole Leyland" userId="429bae91-3891-4b69-b73a-03980624481f" providerId="ADAL" clId="{FC0F654B-E51D-4497-9182-0C5167714ACA}" dt="2024-11-25T22:25:12.066" v="112" actId="27636"/>
        <pc:sldMkLst>
          <pc:docMk/>
          <pc:sldMk cId="2222631047" sldId="4109"/>
        </pc:sldMkLst>
        <pc:spChg chg="mod">
          <ac:chgData name="Nicole Leyland" userId="429bae91-3891-4b69-b73a-03980624481f" providerId="ADAL" clId="{FC0F654B-E51D-4497-9182-0C5167714ACA}" dt="2024-11-25T22:25:12.066" v="112" actId="27636"/>
          <ac:spMkLst>
            <pc:docMk/>
            <pc:sldMk cId="2222631047" sldId="4109"/>
            <ac:spMk id="4" creationId="{1306331F-EE51-D410-EE3C-5C3346D6637A}"/>
          </ac:spMkLst>
        </pc:spChg>
      </pc:sldChg>
      <pc:sldChg chg="modSp mod">
        <pc:chgData name="Nicole Leyland" userId="429bae91-3891-4b69-b73a-03980624481f" providerId="ADAL" clId="{FC0F654B-E51D-4497-9182-0C5167714ACA}" dt="2024-11-19T16:48:55.491" v="8" actId="1076"/>
        <pc:sldMkLst>
          <pc:docMk/>
          <pc:sldMk cId="1116397748" sldId="4113"/>
        </pc:sldMkLst>
        <pc:spChg chg="mod">
          <ac:chgData name="Nicole Leyland" userId="429bae91-3891-4b69-b73a-03980624481f" providerId="ADAL" clId="{FC0F654B-E51D-4497-9182-0C5167714ACA}" dt="2024-11-19T16:48:55.491" v="8" actId="1076"/>
          <ac:spMkLst>
            <pc:docMk/>
            <pc:sldMk cId="1116397748" sldId="4113"/>
            <ac:spMk id="3" creationId="{E5CCBE34-780D-3A82-41AE-128B835D4904}"/>
          </ac:spMkLst>
        </pc:spChg>
      </pc:sldChg>
    </pc:docChg>
  </pc:docChgLst>
  <pc:docChgLst>
    <pc:chgData name="Sarah Tahir" userId="S::sarah.tahir@ranchobiosciences.com::d3593e20-30cf-4cfc-ad44-c3fba6892637" providerId="AD" clId="Web-{0285E649-57EC-EE7F-9BFD-A943F353376E}"/>
    <pc:docChg chg="modSld">
      <pc:chgData name="Sarah Tahir" userId="S::sarah.tahir@ranchobiosciences.com::d3593e20-30cf-4cfc-ad44-c3fba6892637" providerId="AD" clId="Web-{0285E649-57EC-EE7F-9BFD-A943F353376E}" dt="2024-07-31T17:06:29.217" v="9" actId="20577"/>
      <pc:docMkLst>
        <pc:docMk/>
      </pc:docMkLst>
    </pc:docChg>
  </pc:docChgLst>
  <pc:docChgLst>
    <pc:chgData name="Sarah Tahir" userId="d3593e20-30cf-4cfc-ad44-c3fba6892637" providerId="ADAL" clId="{1DF81F8D-AED9-4074-B5B0-8AB3BBC90D3A}"/>
    <pc:docChg chg="custSel addSld modSld sldOrd">
      <pc:chgData name="Sarah Tahir" userId="d3593e20-30cf-4cfc-ad44-c3fba6892637" providerId="ADAL" clId="{1DF81F8D-AED9-4074-B5B0-8AB3BBC90D3A}" dt="2024-11-15T20:17:02.418" v="1859" actId="20577"/>
      <pc:docMkLst>
        <pc:docMk/>
      </pc:docMkLst>
      <pc:sldChg chg="ord">
        <pc:chgData name="Sarah Tahir" userId="d3593e20-30cf-4cfc-ad44-c3fba6892637" providerId="ADAL" clId="{1DF81F8D-AED9-4074-B5B0-8AB3BBC90D3A}" dt="2024-11-15T18:31:09.345" v="367"/>
        <pc:sldMkLst>
          <pc:docMk/>
          <pc:sldMk cId="3257020679" sldId="4114"/>
        </pc:sldMkLst>
      </pc:sldChg>
      <pc:sldChg chg="modSp mod">
        <pc:chgData name="Sarah Tahir" userId="d3593e20-30cf-4cfc-ad44-c3fba6892637" providerId="ADAL" clId="{1DF81F8D-AED9-4074-B5B0-8AB3BBC90D3A}" dt="2024-11-15T15:14:12.761" v="1" actId="20577"/>
        <pc:sldMkLst>
          <pc:docMk/>
          <pc:sldMk cId="1895437816" sldId="4156"/>
        </pc:sldMkLst>
        <pc:spChg chg="mod">
          <ac:chgData name="Sarah Tahir" userId="d3593e20-30cf-4cfc-ad44-c3fba6892637" providerId="ADAL" clId="{1DF81F8D-AED9-4074-B5B0-8AB3BBC90D3A}" dt="2024-11-15T15:14:12.761" v="1" actId="20577"/>
          <ac:spMkLst>
            <pc:docMk/>
            <pc:sldMk cId="1895437816" sldId="4156"/>
            <ac:spMk id="3" creationId="{2DE6A92E-1AAA-A48C-0236-6DF22F5908CF}"/>
          </ac:spMkLst>
        </pc:spChg>
      </pc:sldChg>
      <pc:sldChg chg="add ord">
        <pc:chgData name="Sarah Tahir" userId="d3593e20-30cf-4cfc-ad44-c3fba6892637" providerId="ADAL" clId="{1DF81F8D-AED9-4074-B5B0-8AB3BBC90D3A}" dt="2024-11-15T18:31:06.823" v="365"/>
        <pc:sldMkLst>
          <pc:docMk/>
          <pc:sldMk cId="4159037971" sldId="4159"/>
        </pc:sldMkLst>
      </pc:sldChg>
      <pc:sldChg chg="modSp add mod">
        <pc:chgData name="Sarah Tahir" userId="d3593e20-30cf-4cfc-ad44-c3fba6892637" providerId="ADAL" clId="{1DF81F8D-AED9-4074-B5B0-8AB3BBC90D3A}" dt="2024-11-15T18:55:27.807" v="1856" actId="20577"/>
        <pc:sldMkLst>
          <pc:docMk/>
          <pc:sldMk cId="3951278004" sldId="4160"/>
        </pc:sldMkLst>
        <pc:spChg chg="mod">
          <ac:chgData name="Sarah Tahir" userId="d3593e20-30cf-4cfc-ad44-c3fba6892637" providerId="ADAL" clId="{1DF81F8D-AED9-4074-B5B0-8AB3BBC90D3A}" dt="2024-11-15T18:55:27.807" v="1856" actId="20577"/>
          <ac:spMkLst>
            <pc:docMk/>
            <pc:sldMk cId="3951278004" sldId="4160"/>
            <ac:spMk id="4" creationId="{E7761963-125A-5259-2F35-0C4CDF3351CE}"/>
          </ac:spMkLst>
        </pc:spChg>
      </pc:sldChg>
    </pc:docChg>
  </pc:docChgLst>
  <pc:docChgLst>
    <pc:chgData name="Sarah Tahir" userId="d3593e20-30cf-4cfc-ad44-c3fba6892637" providerId="ADAL" clId="{CDC45B7D-4795-4831-8B4A-F3C46DFC6768}"/>
    <pc:docChg chg="undo custSel delSld modSld">
      <pc:chgData name="Sarah Tahir" userId="d3593e20-30cf-4cfc-ad44-c3fba6892637" providerId="ADAL" clId="{CDC45B7D-4795-4831-8B4A-F3C46DFC6768}" dt="2024-09-16T19:51:07.497" v="1316" actId="33524"/>
      <pc:docMkLst>
        <pc:docMk/>
      </pc:docMkLst>
      <pc:sldChg chg="del">
        <pc:chgData name="Sarah Tahir" userId="d3593e20-30cf-4cfc-ad44-c3fba6892637" providerId="ADAL" clId="{CDC45B7D-4795-4831-8B4A-F3C46DFC6768}" dt="2024-09-16T16:57:28.457" v="312" actId="2696"/>
        <pc:sldMkLst>
          <pc:docMk/>
          <pc:sldMk cId="336283001" sldId="4148"/>
        </pc:sldMkLst>
      </pc:sldChg>
    </pc:docChg>
  </pc:docChgLst>
  <pc:docChgLst>
    <pc:chgData clId="Web-{9CA5F54C-7ECD-178F-7864-39523958CAB8}"/>
    <pc:docChg chg="modSld">
      <pc:chgData name="" userId="" providerId="" clId="Web-{9CA5F54C-7ECD-178F-7864-39523958CAB8}" dt="2024-09-11T18:13:06.358" v="1" actId="20577"/>
      <pc:docMkLst>
        <pc:docMk/>
      </pc:docMkLst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_100C_DF723F78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Budget Overview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</c:spPr>
          <c:dPt>
            <c:idx val="0"/>
            <c:bubble3D val="0"/>
            <c:spPr>
              <a:solidFill>
                <a:schemeClr val="accent3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5E47-4A0E-8C94-6CE70D05BF2A}"/>
              </c:ext>
            </c:extLst>
          </c:dPt>
          <c:dPt>
            <c:idx val="1"/>
            <c:bubble3D val="0"/>
            <c:spPr>
              <a:solidFill>
                <a:schemeClr val="accent1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5E47-4A0E-8C94-6CE70D05BF2A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5E47-4A0E-8C94-6CE70D05BF2A}"/>
                </c:ext>
              </c:extLst>
            </c:dLbl>
            <c:dLbl>
              <c:idx val="1"/>
              <c:layout>
                <c:manualLayout>
                  <c:x val="0.15142209522733388"/>
                  <c:y val="0.12151483733572449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9092D9BB-A0CE-46F7-832A-DE4BB5885878}" type="VALUE">
                      <a:rPr lang="en-US" sz="1600" b="1" smtClean="0">
                        <a:solidFill>
                          <a:schemeClr val="bg1"/>
                        </a:solidFill>
                      </a:rPr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VALU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792037725634546"/>
                      <c:h val="0.21092842709607917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3-5E47-4A0E-8C94-6CE70D05BF2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3</c:f>
              <c:strCache>
                <c:ptCount val="2"/>
                <c:pt idx="0">
                  <c:v>Used</c:v>
                </c:pt>
                <c:pt idx="1">
                  <c:v>Remaining</c:v>
                </c:pt>
              </c:strCache>
            </c:strRef>
          </c:cat>
          <c:val>
            <c:numRef>
              <c:f>Sheet1!$B$2:$B$3</c:f>
              <c:numCache>
                <c:formatCode>0%</c:formatCode>
                <c:ptCount val="2"/>
                <c:pt idx="0">
                  <c:v>0.72</c:v>
                </c:pt>
                <c:pt idx="1">
                  <c:v>0.28000000000000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5E47-4A0E-8C94-6CE70D05BF2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solidFill>
        <a:schemeClr val="tx2"/>
      </a:solidFill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896F9A-5623-460A-A4F3-294CBCE58F84}" type="datetimeFigureOut">
              <a:rPr lang="en-US" smtClean="0"/>
              <a:t>11/25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B45ABB-1261-468D-BE33-7480CEA28C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813669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4148EEF-F9B0-480E-A5B6-32F44DB54661}" type="datetimeFigureOut">
              <a:rPr lang="en-US" smtClean="0"/>
              <a:t>11/25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F598412-0BF2-4AE8-8C7F-B16EB63C58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87190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F598412-0BF2-4AE8-8C7F-B16EB63C58F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507892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Graphical user interface, application&#10;&#10;Description automatically generated with medium confidence">
            <a:extLst>
              <a:ext uri="{FF2B5EF4-FFF2-40B4-BE49-F238E27FC236}">
                <a16:creationId xmlns:a16="http://schemas.microsoft.com/office/drawing/2014/main" id="{6333C5B3-B087-4E8D-A43B-B53268C81C7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4"/>
            <a:ext cx="12192024" cy="6858014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392953" y="2715980"/>
            <a:ext cx="4572000" cy="713021"/>
          </a:xfrm>
        </p:spPr>
        <p:txBody>
          <a:bodyPr>
            <a:normAutofit/>
          </a:bodyPr>
          <a:lstStyle>
            <a:lvl1pPr marL="68580" indent="0">
              <a:buFont typeface="Arial" panose="020B0604020202020204" pitchFamily="34" charset="0"/>
              <a:buNone/>
              <a:defRPr sz="1900" baseline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Name and Position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98" y="310897"/>
            <a:ext cx="2560443" cy="1113959"/>
          </a:xfrm>
          <a:prstGeom prst="rect">
            <a:avLst/>
          </a:prstGeom>
        </p:spPr>
      </p:pic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92954" y="1439209"/>
            <a:ext cx="10173447" cy="89577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5" hasCustomPrompt="1"/>
          </p:nvPr>
        </p:nvSpPr>
        <p:spPr>
          <a:xfrm>
            <a:off x="392953" y="3441192"/>
            <a:ext cx="3149600" cy="457200"/>
          </a:xfrm>
        </p:spPr>
        <p:txBody>
          <a:bodyPr>
            <a:normAutofit/>
          </a:bodyPr>
          <a:lstStyle>
            <a:lvl1pPr marL="68580" indent="0">
              <a:buNone/>
              <a:defRPr sz="19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Month Day, YEAR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ransi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shape&#10;&#10;Description automatically generated">
            <a:extLst>
              <a:ext uri="{FF2B5EF4-FFF2-40B4-BE49-F238E27FC236}">
                <a16:creationId xmlns:a16="http://schemas.microsoft.com/office/drawing/2014/main" id="{3D60B489-A660-4557-9F2F-5770AA069B5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4"/>
            <a:ext cx="12192024" cy="685801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98" y="305354"/>
            <a:ext cx="2560443" cy="1113959"/>
          </a:xfrm>
          <a:prstGeom prst="rect">
            <a:avLst/>
          </a:prstGeom>
        </p:spPr>
      </p:pic>
      <p:sp>
        <p:nvSpPr>
          <p:cNvPr id="15" name="Text Placeholder 14"/>
          <p:cNvSpPr>
            <a:spLocks noGrp="1"/>
          </p:cNvSpPr>
          <p:nvPr>
            <p:ph type="body" sz="quarter" idx="10" hasCustomPrompt="1"/>
          </p:nvPr>
        </p:nvSpPr>
        <p:spPr>
          <a:xfrm>
            <a:off x="393224" y="1922378"/>
            <a:ext cx="8953976" cy="1569660"/>
          </a:xfrm>
        </p:spPr>
        <p:txBody>
          <a:bodyPr anchor="ctr">
            <a:normAutofit/>
          </a:bodyPr>
          <a:lstStyle>
            <a:lvl1pPr marL="68580" indent="0">
              <a:buNone/>
              <a:defRPr sz="4000" b="1" baseline="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title </a:t>
            </a:r>
          </a:p>
        </p:txBody>
      </p:sp>
    </p:spTree>
    <p:extLst>
      <p:ext uri="{BB962C8B-B14F-4D97-AF65-F5344CB8AC3E}">
        <p14:creationId xmlns:p14="http://schemas.microsoft.com/office/powerpoint/2010/main" val="32004321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add lis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aphicFrame>
        <p:nvGraphicFramePr>
          <p:cNvPr id="5" name="Table 4"/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4238381016"/>
              </p:ext>
            </p:extLst>
          </p:nvPr>
        </p:nvGraphicFramePr>
        <p:xfrm>
          <a:off x="512064" y="1295400"/>
          <a:ext cx="9036050" cy="1055182"/>
        </p:xfrm>
        <a:graphic>
          <a:graphicData uri="http://schemas.openxmlformats.org/drawingml/2006/table">
            <a:tbl>
              <a:tblPr firstRow="1" firstCol="1" bandRow="1"/>
              <a:tblGrid>
                <a:gridCol w="2258593">
                  <a:extLst>
                    <a:ext uri="{9D8B030D-6E8A-4147-A177-3AD203B41FA5}">
                      <a16:colId xmlns:a16="http://schemas.microsoft.com/office/drawing/2014/main" val="336945039"/>
                    </a:ext>
                  </a:extLst>
                </a:gridCol>
                <a:gridCol w="2258593">
                  <a:extLst>
                    <a:ext uri="{9D8B030D-6E8A-4147-A177-3AD203B41FA5}">
                      <a16:colId xmlns:a16="http://schemas.microsoft.com/office/drawing/2014/main" val="3547536100"/>
                    </a:ext>
                  </a:extLst>
                </a:gridCol>
                <a:gridCol w="2259432">
                  <a:extLst>
                    <a:ext uri="{9D8B030D-6E8A-4147-A177-3AD203B41FA5}">
                      <a16:colId xmlns:a16="http://schemas.microsoft.com/office/drawing/2014/main" val="589663067"/>
                    </a:ext>
                  </a:extLst>
                </a:gridCol>
                <a:gridCol w="2259432">
                  <a:extLst>
                    <a:ext uri="{9D8B030D-6E8A-4147-A177-3AD203B41FA5}">
                      <a16:colId xmlns:a16="http://schemas.microsoft.com/office/drawing/2014/main" val="2301608994"/>
                    </a:ext>
                  </a:extLst>
                </a:gridCol>
              </a:tblGrid>
              <a:tr h="527591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25589383"/>
                  </a:ext>
                </a:extLst>
              </a:tr>
              <a:tr h="527591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8890538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307115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8B604944-57C6-4425-B829-5BE244303A5B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148397593"/>
              </p:ext>
            </p:extLst>
          </p:nvPr>
        </p:nvGraphicFramePr>
        <p:xfrm>
          <a:off x="304800" y="1295400"/>
          <a:ext cx="11379200" cy="47244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844800">
                  <a:extLst>
                    <a:ext uri="{9D8B030D-6E8A-4147-A177-3AD203B41FA5}">
                      <a16:colId xmlns:a16="http://schemas.microsoft.com/office/drawing/2014/main" val="1823101234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4042634944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406426648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2450044253"/>
                    </a:ext>
                  </a:extLst>
                </a:gridCol>
              </a:tblGrid>
              <a:tr h="4724400"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september</a:t>
                      </a:r>
                    </a:p>
                  </a:txBody>
                  <a:tcPr marL="121920" marR="121920" vert="vert270">
                    <a:lnL w="12700" cmpd="sng">
                      <a:noFill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octo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novem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decem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40901166"/>
                  </a:ext>
                </a:extLst>
              </a:tr>
            </a:tbl>
          </a:graphicData>
        </a:graphic>
      </p:graphicFrame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299301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3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8D339DCB-AC06-4EB0-A763-6AE86F9A69F8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04800" y="228600"/>
            <a:ext cx="10363200" cy="6858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08001" y="1219201"/>
            <a:ext cx="9036423" cy="350897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8001" y="6274965"/>
            <a:ext cx="1143055" cy="498788"/>
          </a:xfrm>
          <a:prstGeom prst="rect">
            <a:avLst/>
          </a:prstGeom>
        </p:spPr>
      </p:pic>
      <p:cxnSp>
        <p:nvCxnSpPr>
          <p:cNvPr id="7" name="Straight Connector 6"/>
          <p:cNvCxnSpPr/>
          <p:nvPr userDrawn="1"/>
        </p:nvCxnSpPr>
        <p:spPr>
          <a:xfrm>
            <a:off x="1854200" y="6299783"/>
            <a:ext cx="0" cy="448609"/>
          </a:xfrm>
          <a:prstGeom prst="line">
            <a:avLst/>
          </a:prstGeom>
          <a:ln>
            <a:solidFill>
              <a:srgbClr val="D1E48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 userDrawn="1"/>
        </p:nvSpPr>
        <p:spPr>
          <a:xfrm>
            <a:off x="1887581" y="6349861"/>
            <a:ext cx="2204899" cy="2923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300">
                <a:solidFill>
                  <a:schemeClr val="accent1"/>
                </a:solidFill>
                <a:latin typeface="Barmeno" pitchFamily="50" charset="0"/>
              </a:rPr>
              <a:t>www.RanchoBioSciences.com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9" r:id="rId2"/>
    <p:sldLayoutId id="2147483662" r:id="rId3"/>
    <p:sldLayoutId id="2147483666" r:id="rId4"/>
    <p:sldLayoutId id="2147483668" r:id="rId5"/>
    <p:sldLayoutId id="2147483667" r:id="rId6"/>
    <p:sldLayoutId id="2147483670" r:id="rId7"/>
  </p:sldLayoutIdLst>
  <p:hf sldNum="0" hdr="0" ftr="0"/>
  <p:txStyles>
    <p:titleStyle>
      <a:lvl1pPr algn="l" defTabSz="914400" rtl="0" eaLnBrk="1" latinLnBrk="0" hangingPunct="1">
        <a:spcBef>
          <a:spcPct val="0"/>
        </a:spcBef>
        <a:buNone/>
        <a:defRPr sz="4000" b="1" kern="1200">
          <a:solidFill>
            <a:schemeClr val="bg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274320" algn="l" defTabSz="914400" rtl="0" eaLnBrk="1" latinLnBrk="0" hangingPunct="1">
        <a:spcBef>
          <a:spcPct val="20000"/>
        </a:spcBef>
        <a:buClr>
          <a:schemeClr val="bg1"/>
        </a:buClr>
        <a:buSzPct val="76000"/>
        <a:buFont typeface="Wingdings 2" pitchFamily="18" charset="2"/>
        <a:buChar char=""/>
        <a:defRPr sz="24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640080" indent="-27432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–"/>
        <a:defRPr sz="22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914400" indent="-228600" algn="l" defTabSz="914400" rtl="0" eaLnBrk="1" latinLnBrk="0" hangingPunct="1">
        <a:spcBef>
          <a:spcPct val="20000"/>
        </a:spcBef>
        <a:buClr>
          <a:schemeClr val="bg1"/>
        </a:buClr>
        <a:buSzPct val="110000"/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124712" indent="-22860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&gt;"/>
        <a:defRPr sz="18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325880" indent="-22860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+"/>
        <a:defRPr sz="1600" kern="1200" baseline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517904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6pPr>
      <a:lvl7pPr marL="1719072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7pPr>
      <a:lvl8pPr marL="1920240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8pPr>
      <a:lvl9pPr marL="2121408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AuvaLab/itext2kg/tree/main" TargetMode="Externa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cebs-ext.niehs.nih.gov/cebs/paper/15933" TargetMode="External"/><Relationship Id="rId2" Type="http://schemas.openxmlformats.org/officeDocument/2006/relationships/hyperlink" Target="https://cebs.niehs.nih.gov/cebs/get_file/accno/15938_24373/file/A2M_BoneMarrow_full.docx" TargetMode="Externa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hyperlink" Target="mailto:laura.brovold@ranchobiosciences.com" TargetMode="External"/><Relationship Id="rId2" Type="http://schemas.openxmlformats.org/officeDocument/2006/relationships/hyperlink" Target="mailto:crystal.straughter@ranchobiosciences.com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4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chart" Target="../charts/chart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7A0192C-D90C-43F8-99AF-2A41B5D6379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42900" y="2999598"/>
            <a:ext cx="6972301" cy="2015462"/>
          </a:xfrm>
        </p:spPr>
        <p:txBody>
          <a:bodyPr vert="horz" lIns="91440" tIns="45720" rIns="91440" bIns="45720" rtlCol="0" anchor="t">
            <a:normAutofit/>
          </a:bodyPr>
          <a:lstStyle/>
          <a:p>
            <a:pPr algn="l" rtl="0" fontAlgn="base"/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Oleg Stroganov, PhD - Tech Lead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  <a:p>
            <a:pPr algn="l" rtl="0" fontAlgn="base"/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Bing Zhou, PhD</a:t>
            </a:r>
          </a:p>
          <a:p>
            <a:pPr fontAlgn="base"/>
            <a:r>
              <a:rPr lang="en-US">
                <a:solidFill>
                  <a:srgbClr val="591F00"/>
                </a:solidFill>
                <a:latin typeface="Arial"/>
                <a:cs typeface="Arial"/>
              </a:rPr>
              <a:t>Sarah Tahir -</a:t>
            </a:r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 Project Manager​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  <a:p>
            <a:pPr algn="l" rtl="0" fontAlgn="base"/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Laura Brovold, PhD- Business Account Manager​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A98BB64-925E-483E-B09A-D220534D77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1741" y="1651970"/>
            <a:ext cx="11543483" cy="895770"/>
          </a:xfrm>
        </p:spPr>
        <p:txBody>
          <a:bodyPr>
            <a:normAutofit/>
          </a:bodyPr>
          <a:lstStyle/>
          <a:p>
            <a:r>
              <a:rPr lang="en-US" i="1">
                <a:latin typeface="Arial"/>
                <a:cs typeface="Arial"/>
              </a:rPr>
              <a:t>High Content Data Extraction: Update Meeting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D70F8A1-6B1C-403E-93AE-E0D2A87ECB3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42900" y="5088117"/>
            <a:ext cx="3149600" cy="457200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Nov 25</a:t>
            </a:r>
            <a:r>
              <a:rPr lang="en-US" baseline="30000">
                <a:latin typeface="Arial"/>
                <a:cs typeface="Arial"/>
              </a:rPr>
              <a:t>th</a:t>
            </a:r>
            <a:r>
              <a:rPr lang="en-US">
                <a:latin typeface="Arial"/>
                <a:cs typeface="Arial"/>
              </a:rPr>
              <a:t>, 2024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10887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D0F72E-B71D-0651-5DE2-C858870C6D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041E43-5335-AADB-1A15-C08150FE8F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Other Topics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21E13A-4C44-AC31-8E5F-E4332F2325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6491" y="1327356"/>
            <a:ext cx="10363200" cy="3508977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Knowledge graphs construction from literature</a:t>
            </a:r>
          </a:p>
          <a:p>
            <a:pPr lvl="1"/>
            <a:r>
              <a:rPr lang="en-US">
                <a:latin typeface="Arial"/>
                <a:cs typeface="Arial"/>
              </a:rPr>
              <a:t>We can construct tissue-focused KG for every gene</a:t>
            </a:r>
          </a:p>
          <a:p>
            <a:pPr lvl="2"/>
            <a:r>
              <a:rPr lang="en-US">
                <a:latin typeface="Arial"/>
                <a:cs typeface="Arial"/>
              </a:rPr>
              <a:t>from structured sources (e.g. </a:t>
            </a:r>
            <a:r>
              <a:rPr lang="en-US" err="1">
                <a:latin typeface="Arial"/>
                <a:cs typeface="Arial"/>
              </a:rPr>
              <a:t>Reactome</a:t>
            </a:r>
            <a:r>
              <a:rPr lang="en-US">
                <a:latin typeface="Arial"/>
                <a:cs typeface="Arial"/>
              </a:rPr>
              <a:t>, PPI </a:t>
            </a:r>
            <a:r>
              <a:rPr lang="en-US" err="1">
                <a:latin typeface="Arial"/>
                <a:cs typeface="Arial"/>
              </a:rPr>
              <a:t>etc</a:t>
            </a:r>
            <a:r>
              <a:rPr lang="en-US">
                <a:latin typeface="Arial"/>
                <a:cs typeface="Arial"/>
              </a:rPr>
              <a:t> – relatively straightforward)</a:t>
            </a:r>
          </a:p>
          <a:p>
            <a:pPr lvl="2"/>
            <a:r>
              <a:rPr lang="en-US">
                <a:latin typeface="Arial"/>
                <a:cs typeface="Arial"/>
              </a:rPr>
              <a:t>from unstructured sources – using automatic approaches such as e.g. </a:t>
            </a:r>
            <a:r>
              <a:rPr lang="en-US">
                <a:latin typeface="Arial"/>
                <a:cs typeface="Arial"/>
                <a:hlinkClick r:id="rId2"/>
              </a:rPr>
              <a:t>https://github.com/AuvaLab/itext2kg/tree/main</a:t>
            </a:r>
            <a:r>
              <a:rPr lang="en-US">
                <a:latin typeface="Arial"/>
                <a:cs typeface="Arial"/>
              </a:rPr>
              <a:t> </a:t>
            </a:r>
          </a:p>
          <a:p>
            <a:pPr lvl="2"/>
            <a:endParaRPr lang="en-US">
              <a:latin typeface="Arial"/>
              <a:cs typeface="Arial"/>
            </a:endParaRPr>
          </a:p>
          <a:p>
            <a:pPr lvl="1"/>
            <a:r>
              <a:rPr lang="en-US">
                <a:latin typeface="Arial"/>
                <a:cs typeface="Arial"/>
              </a:rPr>
              <a:t>We can then merge these individual KGs into toxicologically focused &amp; organ  focused KGs</a:t>
            </a:r>
          </a:p>
          <a:p>
            <a:pPr lvl="1"/>
            <a:r>
              <a:rPr lang="en-US">
                <a:latin typeface="Arial"/>
                <a:cs typeface="Arial"/>
              </a:rPr>
              <a:t>We can merge these KGs with other KGs available in the literature</a:t>
            </a:r>
          </a:p>
          <a:p>
            <a:pPr lvl="1"/>
            <a:endParaRPr lang="en-US">
              <a:latin typeface="Arial"/>
              <a:cs typeface="Arial"/>
            </a:endParaRPr>
          </a:p>
          <a:p>
            <a:pPr lvl="1"/>
            <a:endParaRPr lang="en-US">
              <a:latin typeface="Arial"/>
              <a:cs typeface="Arial"/>
            </a:endParaRPr>
          </a:p>
          <a:p>
            <a:endParaRPr lang="en-US">
              <a:latin typeface="Arial"/>
              <a:cs typeface="Arial"/>
            </a:endParaRPr>
          </a:p>
          <a:p>
            <a:endParaRPr lang="en-US">
              <a:latin typeface="Arial"/>
              <a:cs typeface="Arial"/>
            </a:endParaRPr>
          </a:p>
          <a:p>
            <a:pPr lvl="2"/>
            <a:endParaRPr lang="en-US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89878379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Meeting Mi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93573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pPr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Attendees: Oleg, Laura, Scott, Kelly, Nicole</a:t>
            </a:r>
          </a:p>
          <a:p>
            <a:pPr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 b="1">
                <a:effectLst/>
              </a:rPr>
              <a:t>Gene curation plans</a:t>
            </a:r>
            <a:endParaRPr lang="en-US" sz="1800">
              <a:effectLst/>
            </a:endParaRPr>
          </a:p>
          <a:p>
            <a:pPr lvl="2" fontAlgn="ctr"/>
            <a:r>
              <a:rPr lang="en-US" sz="1800">
                <a:effectLst/>
              </a:rPr>
              <a:t>May need to think about how better to assesses the quality and correlation of the quality score, once we know the results</a:t>
            </a:r>
          </a:p>
          <a:p>
            <a:pPr lvl="2" fontAlgn="ctr"/>
            <a:r>
              <a:rPr lang="en-US" sz="1800">
                <a:effectLst/>
                <a:latin typeface="Arial"/>
                <a:cs typeface="Arial"/>
              </a:rPr>
              <a:t>Scott, will be interested to see what the confidence score looks like, usual what's supported by citation is 8 or higher, </a:t>
            </a:r>
            <a:r>
              <a:rPr lang="en-US" sz="1800">
                <a:latin typeface="Arial"/>
                <a:cs typeface="Arial"/>
              </a:rPr>
              <a:t>6-7</a:t>
            </a:r>
            <a:r>
              <a:rPr lang="en-US" sz="1800">
                <a:effectLst/>
                <a:latin typeface="Arial"/>
                <a:cs typeface="Arial"/>
              </a:rPr>
              <a:t> is more speculative.</a:t>
            </a:r>
          </a:p>
          <a:p>
            <a:pPr marL="1284605" lvl="3" indent="-342900" fontAlgn="ctr"/>
            <a:r>
              <a:rPr lang="en-US" sz="1600">
                <a:effectLst/>
                <a:latin typeface="Arial"/>
                <a:cs typeface="Arial"/>
              </a:rPr>
              <a:t>There are a few statements which are more speculative, it gives it </a:t>
            </a:r>
            <a:r>
              <a:rPr lang="en-US" sz="1600">
                <a:latin typeface="Arial"/>
                <a:cs typeface="Arial"/>
              </a:rPr>
              <a:t>5-6</a:t>
            </a:r>
            <a:r>
              <a:rPr lang="en-US" sz="1600">
                <a:effectLst/>
                <a:latin typeface="Arial"/>
                <a:cs typeface="Arial"/>
              </a:rPr>
              <a:t>. We can check if they are supported by context or not</a:t>
            </a:r>
            <a:r>
              <a:rPr lang="en-US">
                <a:effectLst/>
                <a:latin typeface="Arial"/>
                <a:cs typeface="Arial"/>
              </a:rPr>
              <a:t>.</a:t>
            </a:r>
          </a:p>
          <a:p>
            <a:pPr marL="685800" lvl="1" indent="-331470" fontAlgn="ctr"/>
            <a:r>
              <a:rPr lang="en-US" sz="1800" b="1">
                <a:effectLst/>
              </a:rPr>
              <a:t>Other topics</a:t>
            </a:r>
            <a:endParaRPr lang="en-US" sz="1800">
              <a:effectLst/>
            </a:endParaRPr>
          </a:p>
          <a:p>
            <a:pPr lvl="2" fontAlgn="ctr"/>
            <a:r>
              <a:rPr lang="en-US" sz="1800">
                <a:effectLst/>
              </a:rPr>
              <a:t>Oleg: If you click on the gene it links to old wiki. Is there a std way to generate links?</a:t>
            </a:r>
          </a:p>
          <a:p>
            <a:pPr marL="1284605" lvl="3" indent="-342900" fontAlgn="ctr"/>
            <a:r>
              <a:rPr lang="en-US" sz="1600">
                <a:effectLst/>
              </a:rPr>
              <a:t>Scott: we have a download file. An example link is: </a:t>
            </a:r>
            <a:r>
              <a:rPr lang="en-US" sz="1600">
                <a:effectLst/>
                <a:hlinkClick r:id="rId2"/>
              </a:rPr>
              <a:t>https://cebs.niehs.nih.gov/cebs/get_file/accno/15938_24373/file/A2M_BoneMarrow_full.docx</a:t>
            </a:r>
            <a:endParaRPr lang="en-US" sz="1600">
              <a:effectLst/>
            </a:endParaRPr>
          </a:p>
          <a:p>
            <a:pPr marL="1284605" lvl="3" indent="-342900" fontAlgn="ctr"/>
            <a:r>
              <a:rPr lang="en-US" sz="1600">
                <a:effectLst/>
              </a:rPr>
              <a:t>Oleg: If I substitute the name of the gene and tissue it would work?</a:t>
            </a:r>
          </a:p>
          <a:p>
            <a:pPr marL="1668780" lvl="4" indent="-342900" fontAlgn="ctr"/>
            <a:r>
              <a:rPr lang="en-US">
                <a:effectLst/>
              </a:rPr>
              <a:t>Scott provided link to where all links are available </a:t>
            </a:r>
            <a:r>
              <a:rPr lang="en-US">
                <a:effectLst/>
                <a:hlinkClick r:id="rId3"/>
              </a:rPr>
              <a:t>https://cebs-ext.niehs.nih.gov/cebs/paper/15933</a:t>
            </a:r>
            <a:endParaRPr lang="en-US">
              <a:effectLst/>
            </a:endParaRPr>
          </a:p>
          <a:p>
            <a:pPr marL="2107565" lvl="5" indent="-342900" fontAlgn="ctr"/>
            <a:r>
              <a:rPr lang="en-US" sz="160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Need to click on each summary, each summary has the available links</a:t>
            </a:r>
          </a:p>
          <a:p>
            <a:pPr lvl="2" fontAlgn="ctr"/>
            <a:r>
              <a:rPr lang="en-US" sz="1800">
                <a:effectLst/>
              </a:rPr>
              <a:t>Oleg: Anything else to change?</a:t>
            </a:r>
          </a:p>
          <a:p>
            <a:pPr marL="1284605" lvl="3" indent="-342900" fontAlgn="ctr"/>
            <a:r>
              <a:rPr lang="en-US" sz="1600">
                <a:latin typeface="Arial"/>
                <a:cs typeface="Arial"/>
              </a:rPr>
              <a:t>Scott: mechanism already there</a:t>
            </a:r>
            <a:endParaRPr lang="en-US" sz="1600">
              <a:effectLst/>
            </a:endParaRPr>
          </a:p>
          <a:p>
            <a:pPr lvl="2" fontAlgn="ctr"/>
            <a:r>
              <a:rPr lang="en-US" sz="1800">
                <a:effectLst/>
              </a:rPr>
              <a:t>Knowledge graph construction from literature</a:t>
            </a:r>
          </a:p>
          <a:p>
            <a:pPr marL="1284605" lvl="3" indent="-342900" fontAlgn="ctr"/>
            <a:r>
              <a:rPr lang="en-US" sz="1600">
                <a:effectLst/>
              </a:rPr>
              <a:t>Scott: It would be good synthesis, is it in budget?</a:t>
            </a:r>
          </a:p>
          <a:p>
            <a:pPr marL="1668780" lvl="4" indent="-342900" fontAlgn="ctr"/>
            <a:r>
              <a:rPr lang="en-US">
                <a:effectLst/>
              </a:rPr>
              <a:t>Oleg: An idea of a potential future project</a:t>
            </a:r>
          </a:p>
          <a:p>
            <a:pPr marL="1284605" lvl="3" indent="-342900" fontAlgn="ctr"/>
            <a:r>
              <a:rPr lang="en-US" sz="1600">
                <a:effectLst/>
              </a:rPr>
              <a:t>Scott/Kelly: like the idea, would need to discuss internally. Need to stay in scope and budget of current SOW. 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marL="1181735" lvl="3" indent="-285750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marL="1124585"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22226310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Older Meeting Mi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70206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 Shiny app error:</a:t>
            </a:r>
          </a:p>
          <a:p>
            <a:pPr lvl="2">
              <a:lnSpc>
                <a:spcPct val="120000"/>
              </a:lnSpc>
            </a:pPr>
            <a:r>
              <a:rPr lang="en-US">
                <a:highlight>
                  <a:srgbClr val="FFFF00"/>
                </a:highlight>
                <a:latin typeface="Arial"/>
                <a:cs typeface="Arial"/>
              </a:rPr>
              <a:t>Schedule call: Trey, Oleg, Micheal Myers, Scott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o NIH logins; would be better since we already have a working app; avoids some of the potential packing 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unable to get log in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rey can try to manually add user for deployment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an we add more genes? But will need to assess how much after completing the additional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ill keep Scott posted if we have the room for more</a:t>
            </a: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211215535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47215B-363A-A261-1B4B-30BE65CF07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4A49402-42C7-5819-6DF8-C7913D08D6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7761963-125A-5259-2F35-0C4CDF3351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roject Update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let us know if you want to switch to different t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ooking at generic marker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everage knowledge with broad relevance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3 areas: necrosis, inflammation, sub proliferation</a:t>
            </a:r>
          </a:p>
          <a:p>
            <a:pPr lvl="5">
              <a:lnSpc>
                <a:spcPct val="120000"/>
              </a:lnSpc>
            </a:pPr>
            <a:r>
              <a:rPr lang="en-US" err="1">
                <a:latin typeface="Arial"/>
                <a:cs typeface="Arial"/>
              </a:rPr>
              <a:t>Gpnb</a:t>
            </a:r>
            <a:r>
              <a:rPr lang="en-US">
                <a:latin typeface="Arial"/>
                <a:cs typeface="Arial"/>
              </a:rPr>
              <a:t>- generic marker for necrosis; marker of macrophag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ingle cell data: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eviewing public literature; from skin to spinal cord to lung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valuating dose response gene expression; acting like a pathologist; seeing hepatocyte markers</a:t>
            </a: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C85CF36-E48E-EAD2-16BA-8CABE2E96E4F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9512780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A9073CB-CF16-79B9-D5DA-D778DA5460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F6D5C9B-DDA5-78BD-8D9E-AEDDC38121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8-Oct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288F2BE-2881-A38A-E4B3-3EBB681EA5D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ed additional genes and the priority of the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vary (all toxicity, no mechanism)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est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drenal gland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Brai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ung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plee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yroid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ymu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Uterus 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prioritize genes in one tissue and for everything else will go as far as we can with these t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work with Scott on the gene list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send abstract for review today, Scott to get it into the system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ed a list of auth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-shiny app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latform: IT issues but it is moving</a:t>
            </a: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00F4102-3922-3B80-4A83-E2D5A6C65570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415903797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AFF055-1807-CD59-7F1F-978EB8BEF2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4FC5FE3-C845-AF0D-9C18-5B9617CE6B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30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B84DEE-E2AA-CB02-5048-F3B98E5A6D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k to extend the timeline to Jan 2024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Deliver 32 reports to Scott next week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ll the genes in wiki; Scott to review the manual report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provide word docs for review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Ka11- Scott to replace this gene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utomation plans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ection 9 abstract classification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ould be interesting to see the features that define classification - could be worth exploring in the futu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crease curation, decrease variability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T poster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k with presenting the validation; Rancho to work on the abstract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check on their team with the R-shiny App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: need to look into a way to update the data once the first version is deployed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195DC76-BB6E-4E33-3121-9D3FC53F88D2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53914415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6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tandardize article selection: starting for Section 9, 10, 2 and 12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T posters: to run ideas past Scott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Understanding the evolutionary responding, and the context; don’t just discount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ntagonistic </a:t>
            </a:r>
            <a:r>
              <a:rPr lang="en-US"/>
              <a:t>pleiotropy</a:t>
            </a:r>
            <a:endParaRPr lang="en-US">
              <a:latin typeface="Arial"/>
              <a:cs typeface="Arial"/>
            </a:endParaRP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or reproduction, advantageous to have estrogen but later in life it can lead to an increased risk of cancer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ibrosis and fibroblast healing can lead to cirrhosis; fibrous tissue is necessary for repair; what happens if chronic upregulation of kip1 may lead to unforeseen/wanted circumstanc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ould be advantageous early but then detrimental later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Don’t just dismiss them in the summary</a:t>
            </a:r>
          </a:p>
          <a:p>
            <a:pPr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“fire hose can save a house but also drown it” </a:t>
            </a:r>
          </a:p>
          <a:p>
            <a:pPr lvl="4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98837547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04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00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anual curation has iterative feedback loop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hasn’t compared with AI for this but yes it can be done with AI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relevance to the question is a prompt to the curat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greater the convergence of the prompt the better the convergence of the result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f prompts are in greater detail; have the curators sift through and pick what's relevant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is is what is done for section 2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 to test the variation - still a lot of filtering going on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urator driven section: Experience vs inexperience 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ene in a tier; have scores for the C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hat would be your reference study? Where would your metrics land for different genes?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ollow up analysis is the plan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Have a base line and will be repeating 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ame analysis and comparison		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statements are true but not complete to some level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idea of a trustworthy score is loose; scores gives degree of agreement; what information is absent? What bias over information relevance?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reat to have this baseline to compare LLM vs curators.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is glad we are doing the work; approach to be reuseable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029788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FB6CD9-F4B2-DD8D-E157-2D72D71512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CCBE34-780D-3A82-41AE-128B835D4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1294615"/>
            <a:ext cx="9036423" cy="3508977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Budget/timeline updates</a:t>
            </a:r>
            <a:endParaRPr lang="en-US"/>
          </a:p>
          <a:p>
            <a:r>
              <a:rPr lang="en-US">
                <a:latin typeface="Arial"/>
                <a:cs typeface="Arial"/>
              </a:rPr>
              <a:t>Project updates</a:t>
            </a:r>
          </a:p>
          <a:p>
            <a:r>
              <a:rPr lang="en-US">
                <a:latin typeface="Arial"/>
                <a:cs typeface="Arial"/>
              </a:rPr>
              <a:t>Other 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39774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9-Aug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 Curation validatio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hen LLM selects references (section 2) - 66%. When references manually selected - 36% (section 9)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to show some examples on the next meeting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xt Meeting: Sept 4th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95734251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05-Aug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 Mechanistic information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urrently, got the association by mining through existing data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metimes no ones published it yet but there is data</a:t>
            </a:r>
            <a:endParaRPr lang="en-US"/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ay there isn’t enough data, put those aside 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.g. skip if we can’t find related to ER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IEHS will bring other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roceed where the association is clear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ther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llumina Correlation Engine: process gene list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ould require NIEHS email addres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TD: comparative </a:t>
            </a:r>
            <a:r>
              <a:rPr lang="en-US" err="1">
                <a:latin typeface="Arial"/>
                <a:cs typeface="Arial"/>
              </a:rPr>
              <a:t>toxinomics</a:t>
            </a:r>
            <a:r>
              <a:rPr lang="en-US">
                <a:latin typeface="Arial"/>
                <a:cs typeface="Arial"/>
              </a:rPr>
              <a:t> database- curates the literatu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f there is a way to search the literature and the supplementary data files that have some associatio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Have code write the text and embed in the model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ternal data resource that they have been mining</a:t>
            </a:r>
          </a:p>
          <a:p>
            <a:pPr lvl="1">
              <a:lnSpc>
                <a:spcPct val="120000"/>
              </a:lnSpc>
            </a:pPr>
            <a:r>
              <a:rPr lang="en-US" err="1">
                <a:latin typeface="Arial"/>
                <a:cs typeface="Arial"/>
              </a:rPr>
              <a:t>Rshiny</a:t>
            </a:r>
            <a:r>
              <a:rPr lang="en-US">
                <a:latin typeface="Arial"/>
                <a:cs typeface="Arial"/>
              </a:rPr>
              <a:t> app- Scott to check in and confirm if help needed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9283784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2-Jul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85000" lnSpcReduction="1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already curated genes should be incorporated mechanistically: 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dkn1a, Srxn1, Aldh1a1, Crat (all Liver)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and Oleg to check if current summary already includes information about mechanistic pathways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review the genes as well as give us some feedback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 curation will be slightly different than the toxicology; but the process shouldn’t be tweaked too much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x: If you poke a liver in a rat, it gets tumors, but humans don’t; but if you poke another area in a rat, and human, the human also gets tum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 and toxicology gens will be presented differently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ctivation of upstream pathway may trigger mechanistic genes, but is not necessarily related to toxicity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-shiny app: NIEHS working on setting up; will let us know once ready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 to send updated datasets once all is up and ready</a:t>
            </a:r>
            <a:endParaRPr lang="en-US" b="1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65702493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2-Jul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P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1. Tools used (</a:t>
            </a:r>
            <a:r>
              <a:rPr lang="en-US" err="1">
                <a:latin typeface="Arial"/>
                <a:cs typeface="Arial"/>
              </a:rPr>
              <a:t>eg</a:t>
            </a:r>
            <a:r>
              <a:rPr lang="en-US">
                <a:latin typeface="Arial"/>
                <a:cs typeface="Arial"/>
              </a:rPr>
              <a:t> Abstract distiller) – are they open source? internal Rancho tools; can discuss access if needed. 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IEHS wants transparency as much as possible; find a way to be able to replicate this manually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rying to check citations; challenges is how you land on original data and how it becomes summarized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tention is that anyone can reproduce this. Scott to think about this mo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2. Dates recorded for when resources were accessed? 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ive rough dates; manual curation is done at one time and then LLM curation and qc are done on other dates; to keep track of this dat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3. LLM – What model is being used? To write in the section/description for Abstract Distiller in current SOP. Document extraction process for sections 2, 12 &amp; 3 is by a separate process, and will be provided as a separate document.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4. Document specific  prompt used to query LLM: to write in section/description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remember to make sure it is replicabl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working on replicability; are there additional standards? Scott defers to us for this but will also check internally if there’s anything else they want to see included</a:t>
            </a:r>
          </a:p>
          <a:p>
            <a:pPr lvl="2">
              <a:lnSpc>
                <a:spcPct val="120000"/>
              </a:lnSpc>
            </a:pPr>
            <a:endParaRPr lang="ru-RU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 b="1">
              <a:highlight>
                <a:srgbClr val="FFFF00"/>
              </a:highlight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75430641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Meeting Minutes 11-Jul-2024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b="1">
                <a:highlight>
                  <a:srgbClr val="FFFF00"/>
                </a:highlight>
                <a:latin typeface="Arial"/>
                <a:cs typeface="Arial"/>
              </a:rPr>
              <a:t>Sarah to schedule biweekly- check ins </a:t>
            </a:r>
            <a:endParaRPr lang="en-US" b="1">
              <a:highlight>
                <a:srgbClr val="FFFF00"/>
              </a:highlight>
            </a:endParaRP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hange to consider adding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m biomarkers to be included in this round of report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t will be clear if there are mechanistic biomarkers vs toxicity biomarker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 biomarkers: genes which are overexpressed as a result of activation of upstream gene, not necessarily related to toxicity; tox biomarkers – genes which are overexpressed in response to toxicity. There is a continuum.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indicate genes that are mechanistic biomarkers vs toxicity biomarkers in the list of gene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create separate sections in LLM-generated part</a:t>
            </a:r>
            <a:endParaRPr lang="en-US"/>
          </a:p>
          <a:p>
            <a:pPr lvl="2">
              <a:lnSpc>
                <a:spcPct val="120000"/>
              </a:lnSpc>
              <a:buClr>
                <a:srgbClr val="61AB33"/>
              </a:buClr>
            </a:pPr>
            <a:r>
              <a:rPr lang="en-US">
                <a:latin typeface="Arial"/>
                <a:cs typeface="Arial"/>
              </a:rPr>
              <a:t>Need to include the citations for the LLM generated sections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send the list of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an expect the list in batches</a:t>
            </a:r>
          </a:p>
          <a:p>
            <a:pPr lvl="2">
              <a:lnSpc>
                <a:spcPct val="120000"/>
              </a:lnSpc>
            </a:pPr>
            <a:r>
              <a:rPr lang="en-US" b="1">
                <a:highlight>
                  <a:srgbClr val="FFFF00"/>
                </a:highlight>
                <a:latin typeface="Arial"/>
                <a:cs typeface="Arial"/>
              </a:rPr>
              <a:t>To start with 10 overstudied, 10 medium-studied and 10 less studied genes and send over by EOW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5629892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Line 2">
            <a:extLst>
              <a:ext uri="{FF2B5EF4-FFF2-40B4-BE49-F238E27FC236}">
                <a16:creationId xmlns:a16="http://schemas.microsoft.com/office/drawing/2014/main" id="{E593FDC5-1CBF-0B45-9FD3-A136558D466A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9" y="1340"/>
            <a:ext cx="0" cy="1844924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2" name="Freeform 3">
            <a:extLst>
              <a:ext uri="{FF2B5EF4-FFF2-40B4-BE49-F238E27FC236}">
                <a16:creationId xmlns:a16="http://schemas.microsoft.com/office/drawing/2014/main" id="{4081555C-F2E0-8140-8AAC-7601B397EE37}"/>
              </a:ext>
            </a:extLst>
          </p:cNvPr>
          <p:cNvSpPr>
            <a:spLocks noChangeArrowheads="1"/>
          </p:cNvSpPr>
          <p:nvPr/>
        </p:nvSpPr>
        <p:spPr bwMode="auto">
          <a:xfrm>
            <a:off x="3968" y="2573801"/>
            <a:ext cx="6251265" cy="4282860"/>
          </a:xfrm>
          <a:custGeom>
            <a:avLst/>
            <a:gdLst>
              <a:gd name="T0" fmla="*/ 6557795 w 10039"/>
              <a:gd name="T1" fmla="*/ 3933491 h 6879"/>
              <a:gd name="T2" fmla="*/ 6557795 w 10039"/>
              <a:gd name="T3" fmla="*/ 3933491 h 6879"/>
              <a:gd name="T4" fmla="*/ 6518597 w 10039"/>
              <a:gd name="T5" fmla="*/ 4492619 h 6879"/>
              <a:gd name="T6" fmla="*/ 0 w 10039"/>
              <a:gd name="T7" fmla="*/ 4492619 h 6879"/>
              <a:gd name="T8" fmla="*/ 0 w 10039"/>
              <a:gd name="T9" fmla="*/ 1001989 h 6879"/>
              <a:gd name="T10" fmla="*/ 0 w 10039"/>
              <a:gd name="T11" fmla="*/ 1001989 h 6879"/>
              <a:gd name="T12" fmla="*/ 2624294 w 10039"/>
              <a:gd name="T13" fmla="*/ 0 h 6879"/>
              <a:gd name="T14" fmla="*/ 2624294 w 10039"/>
              <a:gd name="T15" fmla="*/ 0 h 6879"/>
              <a:gd name="T16" fmla="*/ 6557795 w 10039"/>
              <a:gd name="T17" fmla="*/ 3933491 h 687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0" t="0" r="r" b="b"/>
            <a:pathLst>
              <a:path w="10039" h="6879">
                <a:moveTo>
                  <a:pt x="10038" y="6022"/>
                </a:moveTo>
                <a:lnTo>
                  <a:pt x="10038" y="6022"/>
                </a:lnTo>
                <a:cubicBezTo>
                  <a:pt x="10038" y="6312"/>
                  <a:pt x="10018" y="6599"/>
                  <a:pt x="9978" y="6878"/>
                </a:cubicBezTo>
                <a:lnTo>
                  <a:pt x="0" y="6878"/>
                </a:lnTo>
                <a:lnTo>
                  <a:pt x="0" y="1534"/>
                </a:lnTo>
                <a:cubicBezTo>
                  <a:pt x="1066" y="580"/>
                  <a:pt x="2473" y="0"/>
                  <a:pt x="4017" y="0"/>
                </a:cubicBezTo>
                <a:cubicBezTo>
                  <a:pt x="7343" y="0"/>
                  <a:pt x="10038" y="2696"/>
                  <a:pt x="10038" y="6022"/>
                </a:cubicBezTo>
              </a:path>
            </a:pathLst>
          </a:custGeom>
          <a:solidFill>
            <a:schemeClr val="accent1"/>
          </a:solidFill>
          <a:ln>
            <a:noFill/>
          </a:ln>
          <a:effectLst/>
        </p:spPr>
        <p:txBody>
          <a:bodyPr wrap="none" anchor="ctr"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3" name="Freeform 4">
            <a:extLst>
              <a:ext uri="{FF2B5EF4-FFF2-40B4-BE49-F238E27FC236}">
                <a16:creationId xmlns:a16="http://schemas.microsoft.com/office/drawing/2014/main" id="{CDD679D8-396B-FB44-BCA2-B7E9144677FE}"/>
              </a:ext>
            </a:extLst>
          </p:cNvPr>
          <p:cNvSpPr>
            <a:spLocks noChangeArrowheads="1"/>
          </p:cNvSpPr>
          <p:nvPr/>
        </p:nvSpPr>
        <p:spPr bwMode="auto">
          <a:xfrm>
            <a:off x="7798145" y="1341"/>
            <a:ext cx="4389888" cy="3914973"/>
          </a:xfrm>
          <a:custGeom>
            <a:avLst/>
            <a:gdLst>
              <a:gd name="T0" fmla="*/ 4604951 w 7049"/>
              <a:gd name="T1" fmla="*/ 0 h 6289"/>
              <a:gd name="T2" fmla="*/ 4604951 w 7049"/>
              <a:gd name="T3" fmla="*/ 4049839 h 6289"/>
              <a:gd name="T4" fmla="*/ 4604951 w 7049"/>
              <a:gd name="T5" fmla="*/ 4049839 h 6289"/>
              <a:gd name="T6" fmla="*/ 3935247 w 7049"/>
              <a:gd name="T7" fmla="*/ 4106658 h 6289"/>
              <a:gd name="T8" fmla="*/ 3935247 w 7049"/>
              <a:gd name="T9" fmla="*/ 4106658 h 6289"/>
              <a:gd name="T10" fmla="*/ 0 w 7049"/>
              <a:gd name="T11" fmla="*/ 173723 h 6289"/>
              <a:gd name="T12" fmla="*/ 0 w 7049"/>
              <a:gd name="T13" fmla="*/ 173723 h 6289"/>
              <a:gd name="T14" fmla="*/ 3920 w 7049"/>
              <a:gd name="T15" fmla="*/ 0 h 6289"/>
              <a:gd name="T16" fmla="*/ 4604951 w 7049"/>
              <a:gd name="T17" fmla="*/ 0 h 628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0" t="0" r="r" b="b"/>
            <a:pathLst>
              <a:path w="7049" h="6289">
                <a:moveTo>
                  <a:pt x="7048" y="0"/>
                </a:moveTo>
                <a:lnTo>
                  <a:pt x="7048" y="6201"/>
                </a:lnTo>
                <a:cubicBezTo>
                  <a:pt x="6715" y="6258"/>
                  <a:pt x="6373" y="6288"/>
                  <a:pt x="6023" y="6288"/>
                </a:cubicBezTo>
                <a:cubicBezTo>
                  <a:pt x="2697" y="6288"/>
                  <a:pt x="0" y="3592"/>
                  <a:pt x="0" y="266"/>
                </a:cubicBezTo>
                <a:cubicBezTo>
                  <a:pt x="0" y="177"/>
                  <a:pt x="2" y="88"/>
                  <a:pt x="6" y="0"/>
                </a:cubicBezTo>
                <a:lnTo>
                  <a:pt x="7048" y="0"/>
                </a:lnTo>
              </a:path>
            </a:pathLst>
          </a:custGeom>
          <a:solidFill>
            <a:schemeClr val="accent2"/>
          </a:solidFill>
          <a:ln>
            <a:noFill/>
          </a:ln>
          <a:effectLst/>
        </p:spPr>
        <p:txBody>
          <a:bodyPr wrap="none" anchor="ctr"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4" name="Freeform 13">
            <a:extLst>
              <a:ext uri="{FF2B5EF4-FFF2-40B4-BE49-F238E27FC236}">
                <a16:creationId xmlns:a16="http://schemas.microsoft.com/office/drawing/2014/main" id="{6F2178A2-258A-CA48-AEDE-4EC73C3CD2DE}"/>
              </a:ext>
            </a:extLst>
          </p:cNvPr>
          <p:cNvSpPr>
            <a:spLocks noChangeArrowheads="1"/>
          </p:cNvSpPr>
          <p:nvPr/>
        </p:nvSpPr>
        <p:spPr bwMode="auto">
          <a:xfrm>
            <a:off x="6603899" y="2958160"/>
            <a:ext cx="211394" cy="2514808"/>
          </a:xfrm>
          <a:custGeom>
            <a:avLst/>
            <a:gdLst>
              <a:gd name="T0" fmla="*/ 221126 w 338"/>
              <a:gd name="T1" fmla="*/ 2637704 h 4041"/>
              <a:gd name="T2" fmla="*/ 0 w 338"/>
              <a:gd name="T3" fmla="*/ 2637704 h 4041"/>
              <a:gd name="T4" fmla="*/ 0 w 338"/>
              <a:gd name="T5" fmla="*/ 0 h 4041"/>
              <a:gd name="T6" fmla="*/ 0 60000 65536"/>
              <a:gd name="T7" fmla="*/ 0 60000 65536"/>
              <a:gd name="T8" fmla="*/ 0 60000 65536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0" t="0" r="r" b="b"/>
            <a:pathLst>
              <a:path w="338" h="4041">
                <a:moveTo>
                  <a:pt x="337" y="4040"/>
                </a:moveTo>
                <a:lnTo>
                  <a:pt x="0" y="4040"/>
                </a:lnTo>
                <a:lnTo>
                  <a:pt x="0" y="0"/>
                </a:lnTo>
              </a:path>
            </a:pathLst>
          </a:custGeom>
          <a:noFill/>
          <a:ln w="38100" cap="flat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5" name="Line 14">
            <a:extLst>
              <a:ext uri="{FF2B5EF4-FFF2-40B4-BE49-F238E27FC236}">
                <a16:creationId xmlns:a16="http://schemas.microsoft.com/office/drawing/2014/main" id="{99C4918B-D2D8-D547-A881-364857D98D98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8" y="5041183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E421AE7-9953-F441-AEB0-B07954D65040}"/>
              </a:ext>
            </a:extLst>
          </p:cNvPr>
          <p:cNvSpPr txBox="1"/>
          <p:nvPr/>
        </p:nvSpPr>
        <p:spPr>
          <a:xfrm>
            <a:off x="6930475" y="4525273"/>
            <a:ext cx="3259012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Crystal Straughte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4F6A1F9-3253-7C4D-B799-874CD6BA427B}"/>
              </a:ext>
            </a:extLst>
          </p:cNvPr>
          <p:cNvSpPr txBox="1"/>
          <p:nvPr/>
        </p:nvSpPr>
        <p:spPr>
          <a:xfrm>
            <a:off x="6930475" y="4886910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</a:rPr>
              <a:t>+1(860) 471 - 208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CD66440-2A4D-0145-9085-6C92BADA7950}"/>
              </a:ext>
            </a:extLst>
          </p:cNvPr>
          <p:cNvSpPr txBox="1"/>
          <p:nvPr/>
        </p:nvSpPr>
        <p:spPr>
          <a:xfrm>
            <a:off x="6930475" y="5290936"/>
            <a:ext cx="3702960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  <a:hlinkClick r:id="rId2"/>
              </a:rPr>
              <a:t>Crystal.straughter@ranchobiosciences.com</a:t>
            </a:r>
            <a:endParaRPr lang="en-US" sz="1200" spc="-10">
              <a:latin typeface="Poppins" pitchFamily="2" charset="77"/>
              <a:cs typeface="Poppins" pitchFamily="2" charset="77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7FF540-E92E-5047-BE2F-7FA0E70B01DF}"/>
              </a:ext>
            </a:extLst>
          </p:cNvPr>
          <p:cNvSpPr txBox="1"/>
          <p:nvPr/>
        </p:nvSpPr>
        <p:spPr>
          <a:xfrm>
            <a:off x="561263" y="1701614"/>
            <a:ext cx="6710273" cy="1477328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ctr"/>
            <a:r>
              <a:rPr lang="en-US" sz="9000" b="1" spc="-350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THANK YOU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F6CC66F-E216-F101-676A-7F77C6F0211A}"/>
              </a:ext>
            </a:extLst>
          </p:cNvPr>
          <p:cNvSpPr txBox="1"/>
          <p:nvPr/>
        </p:nvSpPr>
        <p:spPr>
          <a:xfrm>
            <a:off x="6930475" y="3228995"/>
            <a:ext cx="3259012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Laura Brovold</a:t>
            </a:r>
          </a:p>
        </p:txBody>
      </p:sp>
      <p:sp>
        <p:nvSpPr>
          <p:cNvPr id="3" name="Line 14">
            <a:extLst>
              <a:ext uri="{FF2B5EF4-FFF2-40B4-BE49-F238E27FC236}">
                <a16:creationId xmlns:a16="http://schemas.microsoft.com/office/drawing/2014/main" id="{FAA0F33E-E85F-E92C-3E6B-04C97003E6B9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6521" y="3844892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CF08864-23FF-5858-AD84-F2E2186B133E}"/>
              </a:ext>
            </a:extLst>
          </p:cNvPr>
          <p:cNvSpPr txBox="1"/>
          <p:nvPr/>
        </p:nvSpPr>
        <p:spPr>
          <a:xfrm>
            <a:off x="6930475" y="3701975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</a:rPr>
              <a:t>+1(760) 458 - 0692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B08704E-FFBC-C24F-D6F2-2398F95AC084}"/>
              </a:ext>
            </a:extLst>
          </p:cNvPr>
          <p:cNvSpPr txBox="1"/>
          <p:nvPr/>
        </p:nvSpPr>
        <p:spPr>
          <a:xfrm>
            <a:off x="6930475" y="4099320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  <a:hlinkClick r:id="rId3"/>
              </a:rPr>
              <a:t>Laura.Brovold@ranchobiosciences.com</a:t>
            </a:r>
            <a:endParaRPr lang="en-US" sz="1200" spc="-10">
              <a:latin typeface="Poppins" pitchFamily="2" charset="77"/>
              <a:cs typeface="Poppins" pitchFamily="2" charset="77"/>
            </a:endParaRPr>
          </a:p>
        </p:txBody>
      </p:sp>
      <p:sp>
        <p:nvSpPr>
          <p:cNvPr id="17" name="Line 14">
            <a:extLst>
              <a:ext uri="{FF2B5EF4-FFF2-40B4-BE49-F238E27FC236}">
                <a16:creationId xmlns:a16="http://schemas.microsoft.com/office/drawing/2014/main" id="{F0B165F3-2836-F8B5-5087-51F22052AC0C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8" y="4253593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396137346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Budget update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1672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C8A6F7B-2A7C-C419-7261-00E8C875C04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0" name="OTLSHAPE_T_1eeaf5cb99444b56a395efdf6cb85de3_ShapePercentage" hidden="1">
            <a:extLst>
              <a:ext uri="{FF2B5EF4-FFF2-40B4-BE49-F238E27FC236}">
                <a16:creationId xmlns:a16="http://schemas.microsoft.com/office/drawing/2014/main" id="{C16F7FF4-2120-C25B-9015-DC6F99D8C54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93293" y="24325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73500c598fd54a0fb3881860d6433b0f_ShapePercentage" hidden="1">
            <a:extLst>
              <a:ext uri="{FF2B5EF4-FFF2-40B4-BE49-F238E27FC236}">
                <a16:creationId xmlns:a16="http://schemas.microsoft.com/office/drawing/2014/main" id="{EF8A5168-D97D-32DA-8B2F-E32E5979987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02611" y="26992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d75e0dd861d848e08215f30e7994c4e6_ShapePercentage" hidden="1">
            <a:extLst>
              <a:ext uri="{FF2B5EF4-FFF2-40B4-BE49-F238E27FC236}">
                <a16:creationId xmlns:a16="http://schemas.microsoft.com/office/drawing/2014/main" id="{8D32649E-6A5F-DC94-3AA5-4C4437C421D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88702" y="29659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8796db64734d4ff482bf36336f8da16c_ShapePercentage" hidden="1">
            <a:extLst>
              <a:ext uri="{FF2B5EF4-FFF2-40B4-BE49-F238E27FC236}">
                <a16:creationId xmlns:a16="http://schemas.microsoft.com/office/drawing/2014/main" id="{D6C1B21D-F92B-9CE3-0C2B-70C8BA92EBC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298570" y="3669843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f110d637d0284d25a090583f8d92be67_ShapePercentage" hidden="1">
            <a:extLst>
              <a:ext uri="{FF2B5EF4-FFF2-40B4-BE49-F238E27FC236}">
                <a16:creationId xmlns:a16="http://schemas.microsoft.com/office/drawing/2014/main" id="{208BCA6F-3205-0B8D-6364-F7E772A1F18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549752" y="4107061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1eeaf5cb99444b56a395efdf6cb85de3_Duration" hidden="1">
            <a:extLst>
              <a:ext uri="{FF2B5EF4-FFF2-40B4-BE49-F238E27FC236}">
                <a16:creationId xmlns:a16="http://schemas.microsoft.com/office/drawing/2014/main" id="{005C170C-AD66-A87D-0431-EF514722E43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2" name="OTLSHAPE_T_1eeaf5cb99444b56a395efdf6cb85de3_TextPercentage" hidden="1">
            <a:extLst>
              <a:ext uri="{FF2B5EF4-FFF2-40B4-BE49-F238E27FC236}">
                <a16:creationId xmlns:a16="http://schemas.microsoft.com/office/drawing/2014/main" id="{EE4E1C3E-12B1-A82D-A70F-E0B4162F47A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1eeaf5cb99444b56a395efdf6cb85de3_JoinedDate" hidden="1">
            <a:extLst>
              <a:ext uri="{FF2B5EF4-FFF2-40B4-BE49-F238E27FC236}">
                <a16:creationId xmlns:a16="http://schemas.microsoft.com/office/drawing/2014/main" id="{8B8CD620-AECA-DE57-E705-46083A7E99C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700" y="-695186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3 - Jul 12</a:t>
            </a:r>
          </a:p>
        </p:txBody>
      </p:sp>
      <p:sp>
        <p:nvSpPr>
          <p:cNvPr id="29" name="OTLSHAPE_T_73500c598fd54a0fb3881860d6433b0f_Duration" hidden="1">
            <a:extLst>
              <a:ext uri="{FF2B5EF4-FFF2-40B4-BE49-F238E27FC236}">
                <a16:creationId xmlns:a16="http://schemas.microsoft.com/office/drawing/2014/main" id="{1523F44F-8E46-5358-B262-FE7E0664F59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700" y="-38180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0" name="OTLSHAPE_T_73500c598fd54a0fb3881860d6433b0f_TextPercentage" hidden="1">
            <a:extLst>
              <a:ext uri="{FF2B5EF4-FFF2-40B4-BE49-F238E27FC236}">
                <a16:creationId xmlns:a16="http://schemas.microsoft.com/office/drawing/2014/main" id="{6A49ABB0-295C-CBF8-0118-8BE9AE3E2EA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73500c598fd54a0fb3881860d6433b0f_JoinedDate" hidden="1">
            <a:extLst>
              <a:ext uri="{FF2B5EF4-FFF2-40B4-BE49-F238E27FC236}">
                <a16:creationId xmlns:a16="http://schemas.microsoft.com/office/drawing/2014/main" id="{A247AFA1-5072-B346-3189-E075511BD24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-695186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8 - Jul 21</a:t>
            </a:r>
          </a:p>
        </p:txBody>
      </p:sp>
      <p:sp>
        <p:nvSpPr>
          <p:cNvPr id="53" name="OTLSHAPE_T_d75e0dd861d848e08215f30e7994c4e6_Duration" hidden="1">
            <a:extLst>
              <a:ext uri="{FF2B5EF4-FFF2-40B4-BE49-F238E27FC236}">
                <a16:creationId xmlns:a16="http://schemas.microsoft.com/office/drawing/2014/main" id="{55B8F9BC-4B4E-B669-40D1-880D59CAAE8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28 days</a:t>
            </a:r>
          </a:p>
        </p:txBody>
      </p:sp>
      <p:sp>
        <p:nvSpPr>
          <p:cNvPr id="54" name="OTLSHAPE_T_d75e0dd861d848e08215f30e7994c4e6_TextPercentage" hidden="1">
            <a:extLst>
              <a:ext uri="{FF2B5EF4-FFF2-40B4-BE49-F238E27FC236}">
                <a16:creationId xmlns:a16="http://schemas.microsoft.com/office/drawing/2014/main" id="{861FAFA4-1BCF-A4F4-64E7-09831329FA59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75e0dd861d848e08215f30e7994c4e6_JoinedDate" hidden="1">
            <a:extLst>
              <a:ext uri="{FF2B5EF4-FFF2-40B4-BE49-F238E27FC236}">
                <a16:creationId xmlns:a16="http://schemas.microsoft.com/office/drawing/2014/main" id="{E88C1A57-DB90-8504-ECFD-BBF56398387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-766524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2 - Jan 15</a:t>
            </a:r>
          </a:p>
        </p:txBody>
      </p:sp>
      <p:sp>
        <p:nvSpPr>
          <p:cNvPr id="61" name="OTLSHAPE_T_8796db64734d4ff482bf36336f8da16c_Duration" hidden="1">
            <a:extLst>
              <a:ext uri="{FF2B5EF4-FFF2-40B4-BE49-F238E27FC236}">
                <a16:creationId xmlns:a16="http://schemas.microsoft.com/office/drawing/2014/main" id="{5BB36A7B-F38C-338F-5E6C-22FB4A812CE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453142"/>
            <a:ext cx="368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 week</a:t>
            </a:r>
          </a:p>
        </p:txBody>
      </p:sp>
      <p:sp>
        <p:nvSpPr>
          <p:cNvPr id="62" name="OTLSHAPE_T_8796db64734d4ff482bf36336f8da16c_TextPercentage" hidden="1">
            <a:extLst>
              <a:ext uri="{FF2B5EF4-FFF2-40B4-BE49-F238E27FC236}">
                <a16:creationId xmlns:a16="http://schemas.microsoft.com/office/drawing/2014/main" id="{0F726BF6-F6A5-DBCE-C6D3-9D0677F20A6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8796db64734d4ff482bf36336f8da16c_JoinedDate" hidden="1">
            <a:extLst>
              <a:ext uri="{FF2B5EF4-FFF2-40B4-BE49-F238E27FC236}">
                <a16:creationId xmlns:a16="http://schemas.microsoft.com/office/drawing/2014/main" id="{15772C39-6AD0-F411-45A6-33B760808D9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766524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5 - Jan 21</a:t>
            </a:r>
          </a:p>
        </p:txBody>
      </p:sp>
      <p:sp>
        <p:nvSpPr>
          <p:cNvPr id="69" name="OTLSHAPE_T_f110d637d0284d25a090583f8d92be67_Duration" hidden="1">
            <a:extLst>
              <a:ext uri="{FF2B5EF4-FFF2-40B4-BE49-F238E27FC236}">
                <a16:creationId xmlns:a16="http://schemas.microsoft.com/office/drawing/2014/main" id="{9244EBDD-CC5E-4238-5389-8BB08D433F3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-381804"/>
            <a:ext cx="419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weeks</a:t>
            </a:r>
          </a:p>
        </p:txBody>
      </p:sp>
      <p:sp>
        <p:nvSpPr>
          <p:cNvPr id="70" name="OTLSHAPE_T_f110d637d0284d25a090583f8d92be67_TextPercentage" hidden="1">
            <a:extLst>
              <a:ext uri="{FF2B5EF4-FFF2-40B4-BE49-F238E27FC236}">
                <a16:creationId xmlns:a16="http://schemas.microsoft.com/office/drawing/2014/main" id="{4FD0D96D-C497-6234-F04B-0E70B11592D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f110d637d0284d25a090583f8d92be67_JoinedDate" hidden="1">
            <a:extLst>
              <a:ext uri="{FF2B5EF4-FFF2-40B4-BE49-F238E27FC236}">
                <a16:creationId xmlns:a16="http://schemas.microsoft.com/office/drawing/2014/main" id="{1E121C77-59B8-3A7D-998A-B5302FEE5BE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766524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1 - Feb 3</a:t>
            </a:r>
          </a:p>
        </p:txBody>
      </p:sp>
      <p:sp>
        <p:nvSpPr>
          <p:cNvPr id="18" name="OTLSHAPE_T_d0a9ef1e8ca949dc805ea113e4e7c32b_ShapePercentage" hidden="1">
            <a:extLst>
              <a:ext uri="{FF2B5EF4-FFF2-40B4-BE49-F238E27FC236}">
                <a16:creationId xmlns:a16="http://schemas.microsoft.com/office/drawing/2014/main" id="{171B9641-1B6D-6988-D4DD-3E0C71D27C5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888702" y="32326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_d0a9ef1e8ca949dc805ea113e4e7c32b_Duration" hidden="1">
            <a:extLst>
              <a:ext uri="{FF2B5EF4-FFF2-40B4-BE49-F238E27FC236}">
                <a16:creationId xmlns:a16="http://schemas.microsoft.com/office/drawing/2014/main" id="{3B8C3944-D13D-C7A9-83E7-488DCEFFE46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28 days</a:t>
            </a:r>
          </a:p>
        </p:txBody>
      </p:sp>
      <p:sp>
        <p:nvSpPr>
          <p:cNvPr id="36" name="OTLSHAPE_T_d0a9ef1e8ca949dc805ea113e4e7c32b_TextPercentage" hidden="1">
            <a:extLst>
              <a:ext uri="{FF2B5EF4-FFF2-40B4-BE49-F238E27FC236}">
                <a16:creationId xmlns:a16="http://schemas.microsoft.com/office/drawing/2014/main" id="{9B19D69C-E21A-E21F-0660-DAF2CA67B68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d0a9ef1e8ca949dc805ea113e4e7c32b_JoinedDate" hidden="1">
            <a:extLst>
              <a:ext uri="{FF2B5EF4-FFF2-40B4-BE49-F238E27FC236}">
                <a16:creationId xmlns:a16="http://schemas.microsoft.com/office/drawing/2014/main" id="{C301F392-1288-82AD-8E45-334EB7142B1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766524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2 - Jan 15</a:t>
            </a:r>
          </a:p>
        </p:txBody>
      </p:sp>
      <p:sp>
        <p:nvSpPr>
          <p:cNvPr id="24" name="OTLSHAPE_T_1eeaf5cb99444b56a395efdf6cb85de3_StartDate" hidden="1">
            <a:extLst>
              <a:ext uri="{FF2B5EF4-FFF2-40B4-BE49-F238E27FC236}">
                <a16:creationId xmlns:a16="http://schemas.microsoft.com/office/drawing/2014/main" id="{11B0E868-46C5-AAD3-F438-7B41072C7F1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39893" y="2456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1eeaf5cb99444b56a395efdf6cb85de3_EndDate" hidden="1">
            <a:extLst>
              <a:ext uri="{FF2B5EF4-FFF2-40B4-BE49-F238E27FC236}">
                <a16:creationId xmlns:a16="http://schemas.microsoft.com/office/drawing/2014/main" id="{0BDB5763-2CE7-9DFE-2309-4E455AFD53B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723775" y="2456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73500c598fd54a0fb3881860d6433b0f_StartDate" hidden="1">
            <a:extLst>
              <a:ext uri="{FF2B5EF4-FFF2-40B4-BE49-F238E27FC236}">
                <a16:creationId xmlns:a16="http://schemas.microsoft.com/office/drawing/2014/main" id="{F1F2EF8E-948A-4B12-46A2-A005FD911A9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116330" y="27233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73500c598fd54a0fb3881860d6433b0f_EndDate" hidden="1">
            <a:extLst>
              <a:ext uri="{FF2B5EF4-FFF2-40B4-BE49-F238E27FC236}">
                <a16:creationId xmlns:a16="http://schemas.microsoft.com/office/drawing/2014/main" id="{ED1A5E5F-D0D3-542E-BE87-2650B8FC513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221361" y="27233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75e0dd861d848e08215f30e7994c4e6_StartDate" hidden="1">
            <a:extLst>
              <a:ext uri="{FF2B5EF4-FFF2-40B4-BE49-F238E27FC236}">
                <a16:creationId xmlns:a16="http://schemas.microsoft.com/office/drawing/2014/main" id="{9C455D8F-3623-ED8E-24B8-10EA5E82658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825964" y="2990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d75e0dd861d848e08215f30e7994c4e6_EndDate" hidden="1">
            <a:extLst>
              <a:ext uri="{FF2B5EF4-FFF2-40B4-BE49-F238E27FC236}">
                <a16:creationId xmlns:a16="http://schemas.microsoft.com/office/drawing/2014/main" id="{2DEDF566-31B5-4B28-A41E-F38BA0501ED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689980" y="2990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8796db64734d4ff482bf36336f8da16c_StartDate" hidden="1">
            <a:extLst>
              <a:ext uri="{FF2B5EF4-FFF2-40B4-BE49-F238E27FC236}">
                <a16:creationId xmlns:a16="http://schemas.microsoft.com/office/drawing/2014/main" id="{8077B5DE-A15B-57E3-B388-6E5A59B4445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169868" y="36939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8796db64734d4ff482bf36336f8da16c_EndDate" hidden="1">
            <a:extLst>
              <a:ext uri="{FF2B5EF4-FFF2-40B4-BE49-F238E27FC236}">
                <a16:creationId xmlns:a16="http://schemas.microsoft.com/office/drawing/2014/main" id="{6050A061-C59B-AAE5-F2BC-98D824B4A29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519289" y="36939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110d637d0284d25a090583f8d92be67_StartDate" hidden="1">
            <a:extLst>
              <a:ext uri="{FF2B5EF4-FFF2-40B4-BE49-F238E27FC236}">
                <a16:creationId xmlns:a16="http://schemas.microsoft.com/office/drawing/2014/main" id="{6C599BEC-EC3F-393C-263A-896AB25FC4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999178" y="4131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f110d637d0284d25a090583f8d92be67_EndDate" hidden="1">
            <a:extLst>
              <a:ext uri="{FF2B5EF4-FFF2-40B4-BE49-F238E27FC236}">
                <a16:creationId xmlns:a16="http://schemas.microsoft.com/office/drawing/2014/main" id="{8393FF72-E625-0397-67C3-2768845533E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348599" y="4131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d0a9ef1e8ca949dc805ea113e4e7c32b_StartDate" hidden="1">
            <a:extLst>
              <a:ext uri="{FF2B5EF4-FFF2-40B4-BE49-F238E27FC236}">
                <a16:creationId xmlns:a16="http://schemas.microsoft.com/office/drawing/2014/main" id="{26319936-5321-D781-2FBB-F489D7B796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25964" y="3256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d0a9ef1e8ca949dc805ea113e4e7c32b_EndDate" hidden="1">
            <a:extLst>
              <a:ext uri="{FF2B5EF4-FFF2-40B4-BE49-F238E27FC236}">
                <a16:creationId xmlns:a16="http://schemas.microsoft.com/office/drawing/2014/main" id="{DA9863E4-F493-8DDB-4A75-2E89601BC11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689980" y="3256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B9104C3-09D0-0DED-1A56-2C6E3B56A4B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474534" y="17259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91BCFE-0066-0234-3833-774C8701A48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4465" y="1674969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B460990-2919-F8F7-3FD3-934C87ED4CC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4465" y="1674969"/>
            <a:ext cx="60198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A9813E8A-DC28-B805-0F24-103FC1B5ED3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802432" y="2055969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626DE63-D5D7-B253-E6F7-3A93EF8DB26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676733" y="218296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584861C-B530-9F14-9A3E-D32C6D2E36B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73065" y="177244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BB7C52D-23BD-4E40-7BD7-AE9BD10DD37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370839" y="177244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A4C9D36-0095-8065-7D2C-E8064263361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668613" y="1772442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A5307C6-22FF-D9C6-E3CE-4BFC8DEAE6B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924522" y="177244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FFFFFF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E41261A-5F4D-09BF-A2D7-56E94152A2D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222296" y="177244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6" name="OTLSHAPE_TB_00000000000000000000000000000000_TimescaleInterval6">
            <a:extLst>
              <a:ext uri="{FF2B5EF4-FFF2-40B4-BE49-F238E27FC236}">
                <a16:creationId xmlns:a16="http://schemas.microsoft.com/office/drawing/2014/main" id="{F155DFDD-53F7-F30C-2927-1DBE65ECD88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478206" y="177244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FFFFFF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8" name="OTLSHAPE_TB_00000000000000000000000000000000_TimescaleInterval7">
            <a:extLst>
              <a:ext uri="{FF2B5EF4-FFF2-40B4-BE49-F238E27FC236}">
                <a16:creationId xmlns:a16="http://schemas.microsoft.com/office/drawing/2014/main" id="{3788C390-E994-7C34-8EC3-011C0A7BEB4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775979" y="177244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80" name="OTLSHAPE_TB_00000000000000000000000000000000_TimescaleInterval8">
            <a:extLst>
              <a:ext uri="{FF2B5EF4-FFF2-40B4-BE49-F238E27FC236}">
                <a16:creationId xmlns:a16="http://schemas.microsoft.com/office/drawing/2014/main" id="{74EF08EE-B6B0-DC3D-0E6D-0ADCCAEAF8F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073753" y="177244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6164CD-9C58-C9F0-C73B-746DCCF0D56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2307338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673E091-BB5E-373B-2FDF-9BB21C133125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3605112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6FF047A7-EA29-257A-BD28-EC390D90E5DF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861022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F0924A82-C453-8DE5-78B1-106EA45BA345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158795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Separator5">
            <a:extLst>
              <a:ext uri="{FF2B5EF4-FFF2-40B4-BE49-F238E27FC236}">
                <a16:creationId xmlns:a16="http://schemas.microsoft.com/office/drawing/2014/main" id="{F11EBE5D-C5B1-A431-F5F3-EB5396E62633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414705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6">
            <a:extLst>
              <a:ext uri="{FF2B5EF4-FFF2-40B4-BE49-F238E27FC236}">
                <a16:creationId xmlns:a16="http://schemas.microsoft.com/office/drawing/2014/main" id="{F9E91488-3307-3442-4BFC-74BD09F86B8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8712478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Separator7">
            <a:extLst>
              <a:ext uri="{FF2B5EF4-FFF2-40B4-BE49-F238E27FC236}">
                <a16:creationId xmlns:a16="http://schemas.microsoft.com/office/drawing/2014/main" id="{C6D49CD3-B536-F88D-A120-4E0ABB9B5593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10010252" y="1738469"/>
            <a:ext cx="0" cy="254000"/>
          </a:xfrm>
          <a:prstGeom prst="line">
            <a:avLst/>
          </a:prstGeom>
          <a:ln w="635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1eeaf5cb99444b56a395efdf6cb85de3_Shape">
            <a:extLst>
              <a:ext uri="{FF2B5EF4-FFF2-40B4-BE49-F238E27FC236}">
                <a16:creationId xmlns:a16="http://schemas.microsoft.com/office/drawing/2014/main" id="{84F22ACD-0070-11C0-2794-999591045CA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93293" y="2432524"/>
            <a:ext cx="4191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73500c598fd54a0fb3881860d6433b0f_Shape">
            <a:extLst>
              <a:ext uri="{FF2B5EF4-FFF2-40B4-BE49-F238E27FC236}">
                <a16:creationId xmlns:a16="http://schemas.microsoft.com/office/drawing/2014/main" id="{E23CCDA4-2F22-9B90-58F1-123EAE057C7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302611" y="2699224"/>
            <a:ext cx="5969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d75e0dd861d848e08215f30e7994c4e6_Shape">
            <a:extLst>
              <a:ext uri="{FF2B5EF4-FFF2-40B4-BE49-F238E27FC236}">
                <a16:creationId xmlns:a16="http://schemas.microsoft.com/office/drawing/2014/main" id="{3C2675E6-4F29-B96C-F894-0FED47FE2B5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888702" y="2965924"/>
            <a:ext cx="7454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8796db64734d4ff482bf36336f8da16c_Shape">
            <a:extLst>
              <a:ext uri="{FF2B5EF4-FFF2-40B4-BE49-F238E27FC236}">
                <a16:creationId xmlns:a16="http://schemas.microsoft.com/office/drawing/2014/main" id="{AB9ABDAD-547A-DC23-8C7F-6C38DCF1692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298570" y="3669843"/>
            <a:ext cx="3048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f110d637d0284d25a090583f8d92be67_Shape">
            <a:extLst>
              <a:ext uri="{FF2B5EF4-FFF2-40B4-BE49-F238E27FC236}">
                <a16:creationId xmlns:a16="http://schemas.microsoft.com/office/drawing/2014/main" id="{6AF25EAA-7606-CBF5-AF05-057433D745B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549752" y="4107061"/>
            <a:ext cx="5969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d0a9ef1e8ca949dc805ea113e4e7c32b_Shape">
            <a:extLst>
              <a:ext uri="{FF2B5EF4-FFF2-40B4-BE49-F238E27FC236}">
                <a16:creationId xmlns:a16="http://schemas.microsoft.com/office/drawing/2014/main" id="{D635F5F0-3DFE-0E14-02CB-2A7941EBE7E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888702" y="3232624"/>
            <a:ext cx="7454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1eeaf5cb99444b56a395efdf6cb85de3_Title">
            <a:extLst>
              <a:ext uri="{FF2B5EF4-FFF2-40B4-BE49-F238E27FC236}">
                <a16:creationId xmlns:a16="http://schemas.microsoft.com/office/drawing/2014/main" id="{6AD22BA8-57CC-D29D-99B4-FD169FF269B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19667" y="2448865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000000"/>
                </a:solidFill>
                <a:latin typeface="Calibri" panose="020F0502020204030204" pitchFamily="34" charset="0"/>
              </a:rPr>
              <a:t>Kickoff </a:t>
            </a:r>
          </a:p>
        </p:txBody>
      </p:sp>
      <p:sp>
        <p:nvSpPr>
          <p:cNvPr id="33" name="OTLSHAPE_T_73500c598fd54a0fb3881860d6433b0f_Title">
            <a:extLst>
              <a:ext uri="{FF2B5EF4-FFF2-40B4-BE49-F238E27FC236}">
                <a16:creationId xmlns:a16="http://schemas.microsoft.com/office/drawing/2014/main" id="{C82CBC82-2AB4-3F99-769C-2B0D6B55E71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08302" y="271556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rgbClr val="000000"/>
                </a:solidFill>
                <a:latin typeface="Calibri" panose="020F0502020204030204" pitchFamily="34" charset="0"/>
              </a:rPr>
              <a:t>Create SOP</a:t>
            </a:r>
          </a:p>
        </p:txBody>
      </p:sp>
      <p:sp>
        <p:nvSpPr>
          <p:cNvPr id="58" name="OTLSHAPE_T_d75e0dd861d848e08215f30e7994c4e6_Title">
            <a:extLst>
              <a:ext uri="{FF2B5EF4-FFF2-40B4-BE49-F238E27FC236}">
                <a16:creationId xmlns:a16="http://schemas.microsoft.com/office/drawing/2014/main" id="{FAE86ACD-F22E-7F9E-A8D7-A2237B1C87B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847579" y="2982265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FEF6F6"/>
                </a:solidFill>
                <a:latin typeface="Calibri" panose="020F0502020204030204" pitchFamily="34" charset="0"/>
              </a:rPr>
              <a:t>Produce 100 Reports &amp; QC</a:t>
            </a:r>
          </a:p>
        </p:txBody>
      </p:sp>
      <p:sp>
        <p:nvSpPr>
          <p:cNvPr id="66" name="OTLSHAPE_T_8796db64734d4ff482bf36336f8da16c_Title">
            <a:extLst>
              <a:ext uri="{FF2B5EF4-FFF2-40B4-BE49-F238E27FC236}">
                <a16:creationId xmlns:a16="http://schemas.microsoft.com/office/drawing/2014/main" id="{13F389C5-322E-B3C6-B13D-783A7FF0B9F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298570" y="3499324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73" name="OTLSHAPE_T_f110d637d0284d25a090583f8d92be67_Title">
            <a:extLst>
              <a:ext uri="{FF2B5EF4-FFF2-40B4-BE49-F238E27FC236}">
                <a16:creationId xmlns:a16="http://schemas.microsoft.com/office/drawing/2014/main" id="{D4DA6933-D16C-4CC7-5252-7AAA4B398D0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549752" y="3936543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Feedback &amp; Close Out</a:t>
            </a:r>
          </a:p>
        </p:txBody>
      </p:sp>
      <p:sp>
        <p:nvSpPr>
          <p:cNvPr id="40" name="OTLSHAPE_T_d0a9ef1e8ca949dc805ea113e4e7c32b_Title">
            <a:extLst>
              <a:ext uri="{FF2B5EF4-FFF2-40B4-BE49-F238E27FC236}">
                <a16:creationId xmlns:a16="http://schemas.microsoft.com/office/drawing/2014/main" id="{1FEF73FC-4585-0C22-F7E8-EC7EC469D3F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562485" y="3248965"/>
            <a:ext cx="210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FFFCFC"/>
                </a:solidFill>
                <a:latin typeface="Calibri" panose="020F0502020204030204" pitchFamily="34" charset="0"/>
              </a:rPr>
              <a:t>Optimizing and validating the model</a:t>
            </a: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744C575B-4C99-8B86-640E-B57FED9B8C63}"/>
              </a:ext>
            </a:extLst>
          </p:cNvPr>
          <p:cNvSpPr txBox="1">
            <a:spLocks/>
          </p:cNvSpPr>
          <p:nvPr/>
        </p:nvSpPr>
        <p:spPr>
          <a:xfrm>
            <a:off x="150268" y="274623"/>
            <a:ext cx="11549071" cy="683030"/>
          </a:xfrm>
          <a:prstGeom prst="rect">
            <a:avLst/>
          </a:prstGeom>
        </p:spPr>
        <p:txBody>
          <a:bodyPr lIns="91440" tIns="45720" rIns="91440" bIns="45720" anchor="t">
            <a:normAutofit fontScale="97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4000" b="1" kern="120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>
                <a:latin typeface="Arial"/>
                <a:cs typeface="Arial"/>
              </a:rPr>
              <a:t>Timeline and Budget updates: 25-Nov-2024</a:t>
            </a:r>
            <a:endParaRPr lang="en-US" b="0">
              <a:solidFill>
                <a:srgbClr val="FF0000"/>
              </a:solidFill>
              <a:latin typeface="Arial"/>
              <a:cs typeface="Arial"/>
            </a:endParaRP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B74EE4E7-3CD6-4813-8F09-A035373904FE}"/>
              </a:ext>
            </a:extLst>
          </p:cNvPr>
          <p:cNvGrpSpPr/>
          <p:nvPr/>
        </p:nvGrpSpPr>
        <p:grpSpPr>
          <a:xfrm>
            <a:off x="8356958" y="5512285"/>
            <a:ext cx="1711827" cy="944780"/>
            <a:chOff x="7164358" y="5854277"/>
            <a:chExt cx="1711827" cy="944780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FA4ACE49-755C-0B6B-4DC2-DA634C9106B3}"/>
                </a:ext>
              </a:extLst>
            </p:cNvPr>
            <p:cNvGrpSpPr/>
            <p:nvPr/>
          </p:nvGrpSpPr>
          <p:grpSpPr>
            <a:xfrm>
              <a:off x="7164358" y="5854277"/>
              <a:ext cx="1711827" cy="944780"/>
              <a:chOff x="7164358" y="5854277"/>
              <a:chExt cx="1711827" cy="944780"/>
            </a:xfrm>
          </p:grpSpPr>
          <p:sp>
            <p:nvSpPr>
              <p:cNvPr id="44" name="Rectangle: Rounded Corners 43">
                <a:extLst>
                  <a:ext uri="{FF2B5EF4-FFF2-40B4-BE49-F238E27FC236}">
                    <a16:creationId xmlns:a16="http://schemas.microsoft.com/office/drawing/2014/main" id="{6C0173FC-B6D7-3F57-5C99-EE9BCB3ABE27}"/>
                  </a:ext>
                </a:extLst>
              </p:cNvPr>
              <p:cNvSpPr/>
              <p:nvPr/>
            </p:nvSpPr>
            <p:spPr>
              <a:xfrm>
                <a:off x="7175450" y="6221495"/>
                <a:ext cx="221260" cy="242008"/>
              </a:xfrm>
              <a:prstGeom prst="roundRect">
                <a:avLst/>
              </a:prstGeom>
              <a:solidFill>
                <a:srgbClr val="00B0F0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/>
              </a:p>
            </p:txBody>
          </p:sp>
          <p:sp>
            <p:nvSpPr>
              <p:cNvPr id="45" name="Rectangle: Rounded Corners 44">
                <a:extLst>
                  <a:ext uri="{FF2B5EF4-FFF2-40B4-BE49-F238E27FC236}">
                    <a16:creationId xmlns:a16="http://schemas.microsoft.com/office/drawing/2014/main" id="{39089A59-E744-5EB3-F5BD-33903C3E6A43}"/>
                  </a:ext>
                </a:extLst>
              </p:cNvPr>
              <p:cNvSpPr/>
              <p:nvPr/>
            </p:nvSpPr>
            <p:spPr>
              <a:xfrm>
                <a:off x="7164358" y="6544947"/>
                <a:ext cx="221260" cy="242008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/>
              </a:p>
            </p:txBody>
          </p:sp>
          <p:sp>
            <p:nvSpPr>
              <p:cNvPr id="46" name="TextBox 24">
                <a:extLst>
                  <a:ext uri="{FF2B5EF4-FFF2-40B4-BE49-F238E27FC236}">
                    <a16:creationId xmlns:a16="http://schemas.microsoft.com/office/drawing/2014/main" id="{1CC1E0F9-0A4F-2696-606A-7827159D6CAD}"/>
                  </a:ext>
                </a:extLst>
              </p:cNvPr>
              <p:cNvSpPr txBox="1"/>
              <p:nvPr/>
            </p:nvSpPr>
            <p:spPr>
              <a:xfrm>
                <a:off x="7400675" y="5854277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Not started</a:t>
                </a:r>
              </a:p>
            </p:txBody>
          </p:sp>
          <p:sp>
            <p:nvSpPr>
              <p:cNvPr id="47" name="TextBox 25">
                <a:extLst>
                  <a:ext uri="{FF2B5EF4-FFF2-40B4-BE49-F238E27FC236}">
                    <a16:creationId xmlns:a16="http://schemas.microsoft.com/office/drawing/2014/main" id="{AB34FAFE-EB30-E78C-D2C9-B49F3B125193}"/>
                  </a:ext>
                </a:extLst>
              </p:cNvPr>
              <p:cNvSpPr txBox="1"/>
              <p:nvPr/>
            </p:nvSpPr>
            <p:spPr>
              <a:xfrm>
                <a:off x="7400676" y="6180369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In Progress</a:t>
                </a:r>
              </a:p>
            </p:txBody>
          </p:sp>
          <p:sp>
            <p:nvSpPr>
              <p:cNvPr id="48" name="TextBox 26">
                <a:extLst>
                  <a:ext uri="{FF2B5EF4-FFF2-40B4-BE49-F238E27FC236}">
                    <a16:creationId xmlns:a16="http://schemas.microsoft.com/office/drawing/2014/main" id="{1EC59185-2E2E-B8C6-3994-A09F599B8D13}"/>
                  </a:ext>
                </a:extLst>
              </p:cNvPr>
              <p:cNvSpPr txBox="1"/>
              <p:nvPr/>
            </p:nvSpPr>
            <p:spPr>
              <a:xfrm>
                <a:off x="7389791" y="6491280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Completed</a:t>
                </a:r>
              </a:p>
            </p:txBody>
          </p:sp>
        </p:grpSp>
        <p:sp>
          <p:nvSpPr>
            <p:cNvPr id="43" name="Rectangle: Rounded Corners 42">
              <a:extLst>
                <a:ext uri="{FF2B5EF4-FFF2-40B4-BE49-F238E27FC236}">
                  <a16:creationId xmlns:a16="http://schemas.microsoft.com/office/drawing/2014/main" id="{A94A7F1C-FA4C-E20B-1AE8-27C8812FF07F}"/>
                </a:ext>
              </a:extLst>
            </p:cNvPr>
            <p:cNvSpPr/>
            <p:nvPr/>
          </p:nvSpPr>
          <p:spPr>
            <a:xfrm>
              <a:off x="7164358" y="5892706"/>
              <a:ext cx="221260" cy="242008"/>
            </a:xfrm>
            <a:prstGeom prst="round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aphicFrame>
        <p:nvGraphicFramePr>
          <p:cNvPr id="49" name="Content Placeholder 5">
            <a:extLst>
              <a:ext uri="{FF2B5EF4-FFF2-40B4-BE49-F238E27FC236}">
                <a16:creationId xmlns:a16="http://schemas.microsoft.com/office/drawing/2014/main" id="{BB4B57EF-E914-FB84-3BFD-23C5CFB1749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29775755"/>
              </p:ext>
            </p:extLst>
          </p:nvPr>
        </p:nvGraphicFramePr>
        <p:xfrm>
          <a:off x="274121" y="3584583"/>
          <a:ext cx="2796613" cy="25694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2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7488065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Project Overview</a:t>
            </a:r>
          </a:p>
        </p:txBody>
      </p:sp>
    </p:spTree>
    <p:extLst>
      <p:ext uri="{BB962C8B-B14F-4D97-AF65-F5344CB8AC3E}">
        <p14:creationId xmlns:p14="http://schemas.microsoft.com/office/powerpoint/2010/main" val="33459407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A63D6-514E-3252-2877-9EB95025ED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Overall progress – original lis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E8FD57-85E1-67C8-D670-A35E9033BDC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8001" y="1219201"/>
            <a:ext cx="11203177" cy="3508977"/>
          </a:xfrm>
        </p:spPr>
        <p:txBody>
          <a:bodyPr/>
          <a:lstStyle/>
          <a:p>
            <a:r>
              <a:rPr lang="en-US"/>
              <a:t>Manual curation of 111 genes is done; </a:t>
            </a:r>
          </a:p>
          <a:p>
            <a:pPr lvl="1"/>
            <a:r>
              <a:rPr lang="en-US"/>
              <a:t>crawling done for 16 genes; full reports completed for 3 genes</a:t>
            </a:r>
          </a:p>
          <a:p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35F78F8-C431-C435-304A-20AC5B92F772}"/>
              </a:ext>
            </a:extLst>
          </p:cNvPr>
          <p:cNvSpPr txBox="1"/>
          <p:nvPr/>
        </p:nvSpPr>
        <p:spPr>
          <a:xfrm>
            <a:off x="115839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1</a:t>
            </a:r>
            <a:r>
              <a:rPr lang="en-US"/>
              <a:t> –</a:t>
            </a:r>
          </a:p>
          <a:p>
            <a:r>
              <a:rPr lang="en-US"/>
              <a:t>for validati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961DB8D-D3F1-307E-61C4-0DBA384A333D}"/>
              </a:ext>
            </a:extLst>
          </p:cNvPr>
          <p:cNvSpPr txBox="1"/>
          <p:nvPr/>
        </p:nvSpPr>
        <p:spPr>
          <a:xfrm>
            <a:off x="328722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2</a:t>
            </a:r>
            <a:r>
              <a:rPr lang="en-US"/>
              <a:t> – </a:t>
            </a:r>
            <a:br>
              <a:rPr lang="en-US"/>
            </a:br>
            <a:r>
              <a:rPr lang="en-US"/>
              <a:t>liver</a:t>
            </a: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F76236B5-2191-F9F9-85EF-E923303CF90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57187940"/>
              </p:ext>
            </p:extLst>
          </p:nvPr>
        </p:nvGraphicFramePr>
        <p:xfrm>
          <a:off x="1213401" y="2828138"/>
          <a:ext cx="1715757" cy="1163757"/>
        </p:xfrm>
        <a:graphic>
          <a:graphicData uri="http://schemas.openxmlformats.org/drawingml/2006/table">
            <a:tbl>
              <a:tblPr/>
              <a:tblGrid>
                <a:gridCol w="816700">
                  <a:extLst>
                    <a:ext uri="{9D8B030D-6E8A-4147-A177-3AD203B41FA5}">
                      <a16:colId xmlns:a16="http://schemas.microsoft.com/office/drawing/2014/main" val="3061628452"/>
                    </a:ext>
                  </a:extLst>
                </a:gridCol>
                <a:gridCol w="899057">
                  <a:extLst>
                    <a:ext uri="{9D8B030D-6E8A-4147-A177-3AD203B41FA5}">
                      <a16:colId xmlns:a16="http://schemas.microsoft.com/office/drawing/2014/main" val="1694127704"/>
                    </a:ext>
                  </a:extLst>
                </a:gridCol>
              </a:tblGrid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93926557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hlda3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7255798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lco2a1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97750773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gmt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9798190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pt1b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64322564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ited4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7623689"/>
                  </a:ext>
                </a:extLst>
              </a:tr>
              <a:tr h="16625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mp7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4869654"/>
                  </a:ext>
                </a:extLst>
              </a:tr>
            </a:tbl>
          </a:graphicData>
        </a:graphic>
      </p:graphicFrame>
      <p:sp>
        <p:nvSpPr>
          <p:cNvPr id="13" name="TextBox 12">
            <a:extLst>
              <a:ext uri="{FF2B5EF4-FFF2-40B4-BE49-F238E27FC236}">
                <a16:creationId xmlns:a16="http://schemas.microsoft.com/office/drawing/2014/main" id="{598BBC8C-2D88-AD3B-9EB6-00B6AE095F7A}"/>
              </a:ext>
            </a:extLst>
          </p:cNvPr>
          <p:cNvSpPr txBox="1"/>
          <p:nvPr/>
        </p:nvSpPr>
        <p:spPr>
          <a:xfrm>
            <a:off x="5244894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3</a:t>
            </a:r>
            <a:r>
              <a:rPr lang="en-US"/>
              <a:t> – </a:t>
            </a:r>
            <a:br>
              <a:rPr lang="en-US"/>
            </a:br>
            <a:r>
              <a:rPr lang="en-US"/>
              <a:t>other tissue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A00A270-C527-4164-2B10-CE8CA420DBAB}"/>
              </a:ext>
            </a:extLst>
          </p:cNvPr>
          <p:cNvSpPr txBox="1"/>
          <p:nvPr/>
        </p:nvSpPr>
        <p:spPr>
          <a:xfrm>
            <a:off x="7450648" y="2114705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4</a:t>
            </a:r>
            <a:r>
              <a:rPr lang="en-US"/>
              <a:t> – </a:t>
            </a:r>
            <a:br>
              <a:rPr lang="en-US"/>
            </a:br>
            <a:r>
              <a:rPr lang="en-US"/>
              <a:t>extra tissues</a:t>
            </a:r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4B296185-77AA-02D5-D466-1644776C62F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43169698"/>
              </p:ext>
            </p:extLst>
          </p:nvPr>
        </p:nvGraphicFramePr>
        <p:xfrm>
          <a:off x="3334156" y="2761035"/>
          <a:ext cx="1520295" cy="3659422"/>
        </p:xfrm>
        <a:graphic>
          <a:graphicData uri="http://schemas.openxmlformats.org/drawingml/2006/table">
            <a:tbl>
              <a:tblPr/>
              <a:tblGrid>
                <a:gridCol w="536877">
                  <a:extLst>
                    <a:ext uri="{9D8B030D-6E8A-4147-A177-3AD203B41FA5}">
                      <a16:colId xmlns:a16="http://schemas.microsoft.com/office/drawing/2014/main" val="3091380842"/>
                    </a:ext>
                  </a:extLst>
                </a:gridCol>
                <a:gridCol w="983418">
                  <a:extLst>
                    <a:ext uri="{9D8B030D-6E8A-4147-A177-3AD203B41FA5}">
                      <a16:colId xmlns:a16="http://schemas.microsoft.com/office/drawing/2014/main" val="229124035"/>
                    </a:ext>
                  </a:extLst>
                </a:gridCol>
              </a:tblGrid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49298783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la2g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15955409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yp1b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7667733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yp4a1 / CYP4A2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94909433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yp3a9 / CYP3A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5058842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Hmo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4333441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yp1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45568501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Rbp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5828698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f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05198173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co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8433846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hhad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5781140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yb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4890098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dm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17402666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p53in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66168034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ybl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78175687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Vnn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55076684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Orm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304101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tr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9002346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Nqo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0694262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cl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9278820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Ugt2b1 / UGT2B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29261921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Hmgcs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7943669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hr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05373271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ldh3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62882604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x11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37330578"/>
                  </a:ext>
                </a:extLst>
              </a:tr>
              <a:tr h="140747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Nhej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55979848"/>
                  </a:ext>
                </a:extLst>
              </a:tr>
            </a:tbl>
          </a:graphicData>
        </a:graphic>
      </p:graphicFrame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FFE5497B-2F4C-90BD-C8DF-9BE1C207B56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20104418"/>
              </p:ext>
            </p:extLst>
          </p:nvPr>
        </p:nvGraphicFramePr>
        <p:xfrm>
          <a:off x="5264487" y="2761036"/>
          <a:ext cx="1851438" cy="3565152"/>
        </p:xfrm>
        <a:graphic>
          <a:graphicData uri="http://schemas.openxmlformats.org/drawingml/2006/table">
            <a:tbl>
              <a:tblPr/>
              <a:tblGrid>
                <a:gridCol w="849840">
                  <a:extLst>
                    <a:ext uri="{9D8B030D-6E8A-4147-A177-3AD203B41FA5}">
                      <a16:colId xmlns:a16="http://schemas.microsoft.com/office/drawing/2014/main" val="1942822"/>
                    </a:ext>
                  </a:extLst>
                </a:gridCol>
                <a:gridCol w="1001598">
                  <a:extLst>
                    <a:ext uri="{9D8B030D-6E8A-4147-A177-3AD203B41FA5}">
                      <a16:colId xmlns:a16="http://schemas.microsoft.com/office/drawing/2014/main" val="3749133746"/>
                    </a:ext>
                  </a:extLst>
                </a:gridCol>
              </a:tblGrid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35555321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Ka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9164240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Fgf1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52474081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itpnm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7944740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nx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9895302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Nrg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09563842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Krt1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4040636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Il1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6355204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mp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54914819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mp1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89369241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xcl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76280380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xcl1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909860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Il1r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4067535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cl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3522493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cl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60413516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V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6255331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dnf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03833014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cl20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35413146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Fos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68073796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Has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3348314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lec4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3383176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Klhl1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1096880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hroom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94030011"/>
                  </a:ext>
                </a:extLst>
              </a:tr>
              <a:tr h="1485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Fam9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96644803"/>
                  </a:ext>
                </a:extLst>
              </a:tr>
            </a:tbl>
          </a:graphicData>
        </a:graphic>
      </p:graphicFrame>
      <p:graphicFrame>
        <p:nvGraphicFramePr>
          <p:cNvPr id="21" name="Table 20">
            <a:extLst>
              <a:ext uri="{FF2B5EF4-FFF2-40B4-BE49-F238E27FC236}">
                <a16:creationId xmlns:a16="http://schemas.microsoft.com/office/drawing/2014/main" id="{CE84C1F4-3D1F-3A98-34B3-E752E964D2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11812409"/>
              </p:ext>
            </p:extLst>
          </p:nvPr>
        </p:nvGraphicFramePr>
        <p:xfrm>
          <a:off x="7525961" y="2792464"/>
          <a:ext cx="1549400" cy="1935714"/>
        </p:xfrm>
        <a:graphic>
          <a:graphicData uri="http://schemas.openxmlformats.org/drawingml/2006/table">
            <a:tbl>
              <a:tblPr/>
              <a:tblGrid>
                <a:gridCol w="825270">
                  <a:extLst>
                    <a:ext uri="{9D8B030D-6E8A-4147-A177-3AD203B41FA5}">
                      <a16:colId xmlns:a16="http://schemas.microsoft.com/office/drawing/2014/main" val="1603345845"/>
                    </a:ext>
                  </a:extLst>
                </a:gridCol>
                <a:gridCol w="724130">
                  <a:extLst>
                    <a:ext uri="{9D8B030D-6E8A-4147-A177-3AD203B41FA5}">
                      <a16:colId xmlns:a16="http://schemas.microsoft.com/office/drawing/2014/main" val="98292539"/>
                    </a:ext>
                  </a:extLst>
                </a:gridCol>
              </a:tblGrid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17115773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100a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7845699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Btg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77335460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amc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7208515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cng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70777913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Btg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15568732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8051248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 err="1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pnmb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" panose="020B000402020202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1379530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Il1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11625533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100a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4649284"/>
                  </a:ext>
                </a:extLst>
              </a:tr>
              <a:tr h="17597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d4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79561019"/>
                  </a:ext>
                </a:extLst>
              </a:tr>
            </a:tbl>
          </a:graphicData>
        </a:graphic>
      </p:graphicFrame>
      <p:sp>
        <p:nvSpPr>
          <p:cNvPr id="22" name="TextBox 21">
            <a:extLst>
              <a:ext uri="{FF2B5EF4-FFF2-40B4-BE49-F238E27FC236}">
                <a16:creationId xmlns:a16="http://schemas.microsoft.com/office/drawing/2014/main" id="{9C067B55-0FB0-FB17-B7B8-0C2755F2B251}"/>
              </a:ext>
            </a:extLst>
          </p:cNvPr>
          <p:cNvSpPr txBox="1"/>
          <p:nvPr/>
        </p:nvSpPr>
        <p:spPr>
          <a:xfrm>
            <a:off x="9579478" y="2114705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5</a:t>
            </a:r>
            <a:r>
              <a:rPr lang="en-US"/>
              <a:t> – </a:t>
            </a:r>
            <a:br>
              <a:rPr lang="en-US"/>
            </a:br>
            <a:r>
              <a:rPr lang="en-US"/>
              <a:t>additional</a:t>
            </a:r>
          </a:p>
        </p:txBody>
      </p:sp>
      <p:graphicFrame>
        <p:nvGraphicFramePr>
          <p:cNvPr id="24" name="Table 23">
            <a:extLst>
              <a:ext uri="{FF2B5EF4-FFF2-40B4-BE49-F238E27FC236}">
                <a16:creationId xmlns:a16="http://schemas.microsoft.com/office/drawing/2014/main" id="{D2BD989B-D653-A817-8CB9-3D1C3D98E87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15823270"/>
              </p:ext>
            </p:extLst>
          </p:nvPr>
        </p:nvGraphicFramePr>
        <p:xfrm>
          <a:off x="9618568" y="2761036"/>
          <a:ext cx="1890623" cy="2271945"/>
        </p:xfrm>
        <a:graphic>
          <a:graphicData uri="http://schemas.openxmlformats.org/drawingml/2006/table">
            <a:tbl>
              <a:tblPr/>
              <a:tblGrid>
                <a:gridCol w="867827">
                  <a:extLst>
                    <a:ext uri="{9D8B030D-6E8A-4147-A177-3AD203B41FA5}">
                      <a16:colId xmlns:a16="http://schemas.microsoft.com/office/drawing/2014/main" val="3498916727"/>
                    </a:ext>
                  </a:extLst>
                </a:gridCol>
                <a:gridCol w="1022796">
                  <a:extLst>
                    <a:ext uri="{9D8B030D-6E8A-4147-A177-3AD203B41FA5}">
                      <a16:colId xmlns:a16="http://schemas.microsoft.com/office/drawing/2014/main" val="220225556"/>
                    </a:ext>
                  </a:extLst>
                </a:gridCol>
              </a:tblGrid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40720977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Cyp2b1 / CYP2B6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72109564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tp6v1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6727269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Ae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1622703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Bax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87891599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ama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8275269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Jam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30489209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Enc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31506564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ria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9486340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Tym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25496328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Rgs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4965157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Gas6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79649773"/>
                  </a:ext>
                </a:extLst>
              </a:tr>
              <a:tr h="17476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100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058758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53115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C3C6CC-36DA-9535-286D-6D41FC7DE0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5D6251-D35A-EA7E-CE06-E8BEFC843D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Overall progress – extended list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FF8B733-9A90-52D9-1DA2-66E314D2CE8F}"/>
              </a:ext>
            </a:extLst>
          </p:cNvPr>
          <p:cNvSpPr txBox="1"/>
          <p:nvPr/>
        </p:nvSpPr>
        <p:spPr>
          <a:xfrm>
            <a:off x="115839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6</a:t>
            </a:r>
            <a:r>
              <a:rPr lang="en-US"/>
              <a:t> –</a:t>
            </a:r>
          </a:p>
          <a:p>
            <a:r>
              <a:rPr lang="en-US"/>
              <a:t>new gen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6BB9315-F7ED-B283-F3A9-541FD64973E8}"/>
              </a:ext>
            </a:extLst>
          </p:cNvPr>
          <p:cNvSpPr txBox="1"/>
          <p:nvPr/>
        </p:nvSpPr>
        <p:spPr>
          <a:xfrm>
            <a:off x="328722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7</a:t>
            </a:r>
            <a:r>
              <a:rPr lang="en-US"/>
              <a:t> – </a:t>
            </a:r>
            <a:br>
              <a:rPr lang="en-US"/>
            </a:br>
            <a:r>
              <a:rPr lang="en-US"/>
              <a:t>ovar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A194879-5FA1-3828-3DD4-F8A09175D51B}"/>
              </a:ext>
            </a:extLst>
          </p:cNvPr>
          <p:cNvSpPr txBox="1"/>
          <p:nvPr/>
        </p:nvSpPr>
        <p:spPr>
          <a:xfrm>
            <a:off x="5244894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8</a:t>
            </a:r>
            <a:r>
              <a:rPr lang="en-US"/>
              <a:t> – </a:t>
            </a:r>
            <a:br>
              <a:rPr lang="en-US"/>
            </a:br>
            <a:r>
              <a:rPr lang="en-US"/>
              <a:t>testi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9C26D10-5F2B-1903-B5EF-5343A79E0BC2}"/>
              </a:ext>
            </a:extLst>
          </p:cNvPr>
          <p:cNvSpPr txBox="1"/>
          <p:nvPr/>
        </p:nvSpPr>
        <p:spPr>
          <a:xfrm>
            <a:off x="9773710" y="2114706"/>
            <a:ext cx="1890624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10</a:t>
            </a:r>
            <a:r>
              <a:rPr lang="en-US"/>
              <a:t> – </a:t>
            </a:r>
            <a:br>
              <a:rPr lang="en-US"/>
            </a:br>
            <a:r>
              <a:rPr lang="en-US"/>
              <a:t>Brain</a:t>
            </a:r>
          </a:p>
          <a:p>
            <a:endParaRPr lang="en-US"/>
          </a:p>
          <a:p>
            <a:r>
              <a:rPr lang="en-US" b="1"/>
              <a:t>priority 11</a:t>
            </a:r>
            <a:r>
              <a:rPr lang="en-US"/>
              <a:t> – </a:t>
            </a:r>
          </a:p>
          <a:p>
            <a:r>
              <a:rPr lang="en-US"/>
              <a:t>Lung </a:t>
            </a:r>
          </a:p>
          <a:p>
            <a:endParaRPr lang="en-US"/>
          </a:p>
          <a:p>
            <a:r>
              <a:rPr lang="en-US" b="1"/>
              <a:t>priority 12</a:t>
            </a:r>
            <a:r>
              <a:rPr lang="en-US"/>
              <a:t> – </a:t>
            </a:r>
          </a:p>
          <a:p>
            <a:r>
              <a:rPr lang="en-US"/>
              <a:t>Spleen</a:t>
            </a:r>
          </a:p>
          <a:p>
            <a:endParaRPr lang="en-US"/>
          </a:p>
          <a:p>
            <a:r>
              <a:rPr lang="en-US" b="1"/>
              <a:t>priority 13</a:t>
            </a:r>
            <a:r>
              <a:rPr lang="en-US"/>
              <a:t> – </a:t>
            </a:r>
          </a:p>
          <a:p>
            <a:r>
              <a:rPr lang="en-US"/>
              <a:t>Thymus</a:t>
            </a: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7846F4DB-267C-E5FC-0ECB-8096499A8D0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53782791"/>
              </p:ext>
            </p:extLst>
          </p:nvPr>
        </p:nvGraphicFramePr>
        <p:xfrm>
          <a:off x="1158393" y="2891631"/>
          <a:ext cx="1327633" cy="1074738"/>
        </p:xfrm>
        <a:graphic>
          <a:graphicData uri="http://schemas.openxmlformats.org/drawingml/2006/table">
            <a:tbl>
              <a:tblPr/>
              <a:tblGrid>
                <a:gridCol w="609405">
                  <a:extLst>
                    <a:ext uri="{9D8B030D-6E8A-4147-A177-3AD203B41FA5}">
                      <a16:colId xmlns:a16="http://schemas.microsoft.com/office/drawing/2014/main" val="1559164832"/>
                    </a:ext>
                  </a:extLst>
                </a:gridCol>
                <a:gridCol w="718228">
                  <a:extLst>
                    <a:ext uri="{9D8B030D-6E8A-4147-A177-3AD203B41FA5}">
                      <a16:colId xmlns:a16="http://schemas.microsoft.com/office/drawing/2014/main" val="3656155444"/>
                    </a:ext>
                  </a:extLst>
                </a:gridCol>
              </a:tblGrid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36973516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81778513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tg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03016474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hlhe4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6831387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fi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7484750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gs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05036342"/>
                  </a:ext>
                </a:extLst>
              </a:tr>
              <a:tr h="153534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cl2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7079917"/>
                  </a:ext>
                </a:extLst>
              </a:tr>
            </a:tbl>
          </a:graphicData>
        </a:graphic>
      </p:graphicFrame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2D4C6F3E-0456-7D09-2427-B35FED2811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extra genes from different organs discussed on previous meeting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32E5AFB-3E07-3D8C-5DC7-847B386C0DE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00967373"/>
              </p:ext>
            </p:extLst>
          </p:nvPr>
        </p:nvGraphicFramePr>
        <p:xfrm>
          <a:off x="3287223" y="2891631"/>
          <a:ext cx="1549400" cy="3048000"/>
        </p:xfrm>
        <a:graphic>
          <a:graphicData uri="http://schemas.openxmlformats.org/drawingml/2006/table">
            <a:tbl>
              <a:tblPr/>
              <a:tblGrid>
                <a:gridCol w="711200">
                  <a:extLst>
                    <a:ext uri="{9D8B030D-6E8A-4147-A177-3AD203B41FA5}">
                      <a16:colId xmlns:a16="http://schemas.microsoft.com/office/drawing/2014/main" val="674874639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740370788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6415429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63950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4129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0364461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614809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1324805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618406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2818351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91730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689872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9481072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5170274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8407541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3095913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802545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42867115"/>
                  </a:ext>
                </a:extLst>
              </a:tr>
            </a:tbl>
          </a:graphicData>
        </a:graphic>
      </p:graphicFrame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47034EFD-07C8-1854-17A4-F3015819CF3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59362027"/>
              </p:ext>
            </p:extLst>
          </p:nvPr>
        </p:nvGraphicFramePr>
        <p:xfrm>
          <a:off x="5373206" y="2891631"/>
          <a:ext cx="1549400" cy="3048000"/>
        </p:xfrm>
        <a:graphic>
          <a:graphicData uri="http://schemas.openxmlformats.org/drawingml/2006/table">
            <a:tbl>
              <a:tblPr/>
              <a:tblGrid>
                <a:gridCol w="711200">
                  <a:extLst>
                    <a:ext uri="{9D8B030D-6E8A-4147-A177-3AD203B41FA5}">
                      <a16:colId xmlns:a16="http://schemas.microsoft.com/office/drawing/2014/main" val="2531970595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3475793600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7845469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4155613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837668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024434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1835925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035658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68415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4554428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059776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35264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6435972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138963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38999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2669847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594546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4015256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932166D1-219B-8704-D4E5-BB9ADB97173E}"/>
              </a:ext>
            </a:extLst>
          </p:cNvPr>
          <p:cNvSpPr txBox="1"/>
          <p:nvPr/>
        </p:nvSpPr>
        <p:spPr>
          <a:xfrm>
            <a:off x="7135518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9</a:t>
            </a:r>
            <a:r>
              <a:rPr lang="en-US"/>
              <a:t> – </a:t>
            </a:r>
            <a:br>
              <a:rPr lang="en-US"/>
            </a:br>
            <a:r>
              <a:rPr lang="en-US"/>
              <a:t>adrenal gland</a:t>
            </a:r>
          </a:p>
        </p:txBody>
      </p:sp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9C7E1EBF-F19E-2768-756F-DADB7EBFC27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8815759"/>
              </p:ext>
            </p:extLst>
          </p:nvPr>
        </p:nvGraphicFramePr>
        <p:xfrm>
          <a:off x="7293160" y="2880661"/>
          <a:ext cx="1657862" cy="3048000"/>
        </p:xfrm>
        <a:graphic>
          <a:graphicData uri="http://schemas.openxmlformats.org/drawingml/2006/table">
            <a:tbl>
              <a:tblPr/>
              <a:tblGrid>
                <a:gridCol w="760986">
                  <a:extLst>
                    <a:ext uri="{9D8B030D-6E8A-4147-A177-3AD203B41FA5}">
                      <a16:colId xmlns:a16="http://schemas.microsoft.com/office/drawing/2014/main" val="1302703582"/>
                    </a:ext>
                  </a:extLst>
                </a:gridCol>
                <a:gridCol w="896876">
                  <a:extLst>
                    <a:ext uri="{9D8B030D-6E8A-4147-A177-3AD203B41FA5}">
                      <a16:colId xmlns:a16="http://schemas.microsoft.com/office/drawing/2014/main" val="1612473489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6412667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199923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831188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49799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679857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467203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4959023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033965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7229066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9362509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2332065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753786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75665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236872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962697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F2D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0320035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538430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B3FC138-5BF7-B250-CCEE-C68B2880E0B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92711C-F9CD-FCA3-D44B-E483797D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Gene curation plans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136DCC-CAC5-B64E-435D-8D61FBE0B8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Finish validation</a:t>
            </a:r>
          </a:p>
          <a:p>
            <a:r>
              <a:rPr lang="en-US">
                <a:latin typeface="Arial"/>
                <a:cs typeface="Arial"/>
              </a:rPr>
              <a:t>Finish crawling</a:t>
            </a:r>
          </a:p>
          <a:p>
            <a:r>
              <a:rPr lang="en-US">
                <a:latin typeface="Arial"/>
                <a:cs typeface="Arial"/>
              </a:rPr>
              <a:t>Section 9 Confidence Statement assessment</a:t>
            </a:r>
          </a:p>
          <a:p>
            <a:endParaRPr lang="en-US">
              <a:latin typeface="Arial"/>
              <a:cs typeface="Arial"/>
            </a:endParaRPr>
          </a:p>
          <a:p>
            <a:r>
              <a:rPr lang="en-US">
                <a:latin typeface="Arial"/>
                <a:cs typeface="Arial"/>
              </a:rPr>
              <a:t>Proceed with curation of other genes</a:t>
            </a:r>
          </a:p>
        </p:txBody>
      </p:sp>
    </p:spTree>
    <p:extLst>
      <p:ext uri="{BB962C8B-B14F-4D97-AF65-F5344CB8AC3E}">
        <p14:creationId xmlns:p14="http://schemas.microsoft.com/office/powerpoint/2010/main" val="32501082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51FD7AB-C43A-EEFF-ADFB-FB385915151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0A759F-6DE4-1CAC-4530-DFD4A98E9A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Other Topics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DE6A92E-1AAA-A48C-0236-6DF22F5908C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2865" y="1317524"/>
            <a:ext cx="3611715" cy="3508977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R Shiny app: plans</a:t>
            </a:r>
          </a:p>
          <a:p>
            <a:pPr lvl="1"/>
            <a:r>
              <a:rPr lang="en-US">
                <a:latin typeface="Arial"/>
                <a:cs typeface="Arial"/>
              </a:rPr>
              <a:t>update the link</a:t>
            </a:r>
          </a:p>
          <a:p>
            <a:pPr lvl="1"/>
            <a:r>
              <a:rPr lang="en-US">
                <a:latin typeface="Arial"/>
                <a:cs typeface="Arial"/>
              </a:rPr>
              <a:t>extend list of genes</a:t>
            </a:r>
          </a:p>
          <a:p>
            <a:endParaRPr lang="en-US">
              <a:latin typeface="Arial"/>
              <a:cs typeface="Arial"/>
            </a:endParaRPr>
          </a:p>
          <a:p>
            <a:endParaRPr lang="en-US">
              <a:latin typeface="Arial"/>
              <a:cs typeface="Arial"/>
            </a:endParaRPr>
          </a:p>
          <a:p>
            <a:pPr lvl="2"/>
            <a:endParaRPr lang="en-US">
              <a:latin typeface="Arial"/>
              <a:cs typeface="Arial"/>
            </a:endParaRPr>
          </a:p>
        </p:txBody>
      </p:sp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95F46E14-A64A-5BF6-10CA-F31373E506B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9716" y="1474838"/>
            <a:ext cx="7564283" cy="44557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54378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y4wMy4wMi4wMCIsIkVkaXRpb24iOm51bGwsIkxhc3RTYXZlZEVkaXRpb24iOjI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NS4wLCJMZWZ0IjoxMy4wLCJSaWdodCI6MTMuMCwiQm90dG9tIjo1LjB9LCJCYWNrZ3JvdW5kIjp7IiRpZCI6IjI5IiwiQ29sb3IiOnsiJGlkIjoiMzAiLCJBIjoyNTUsIlIiOjY4LCJHIjo4NCwiQiI6MTA2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UuMCwiTGVmdCI6MTMuMCwiUmlnaHQiOjEzLjAsIkJvdHRvbSI6NS4wfSwiQmFja2dyb3VuZCI6eyIkaWQiOiIzNyIsIkNvbG9yIjp7IiRpZCI6IjM4IiwiQSI6MjU1LCJSIjo2OCwiRyI6ODQsIkIiOjEwNn19LCJJc1Zpc2libGUiOnRydWUsIldpZHRoIjo4NTguMCwiSGVpZ2h0Ijoz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1LjAsIkxlZnQiOjEzLjAsIlJpZ2h0IjoxMy4wLCJCb3R0b20iOjUuMH0sIkJhY2tncm91bmQiOnsiJGlkIjoiNDUiLCJDb2xvciI6eyIkaWQiOiI0NiIsIkEiOjI1NSwiUiI6NjgsIkciOjg0LCJCIjoxMDZ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nRydW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aWQiOiI2NSIsIkEiOjAsIlIiOjAsIkciOjAsIkIiOjB9fSwiSXNWaXNpYmxlIjpmYWxzZSwiV2lkdGgiOjAuMCwiSGVpZ2h0IjowLjAsIkJvcmRlclN0eWxlIjpudWxsLCJQYXJlbnRTdHlsZSI6bnVsbH0sIlRvZGF5VGV4dFN0eWxlIjp7IiRpZCI6IjY2IiwiRm9udFNldHRpbmdzIjp7IiRpZCI6IjY3IiwiRm9udFNpemUiOjEyLCJGb250TmFtZSI6IkNhbGlicmkiLCJJc0JvbGQiOmZhbHNlLCJJc0l0YWxpYyI6ZmFsc2UsIklzVW5kZXJsaW5lZCI6ZmFsc2UsIlBhcmVudFN0eWxlIjpudWxsfSwiQXV0b1NpemUiOjAsIkZvcmVncm91bmQiOnsiJGlkIjoiNjgiLCJDb2xvciI6eyIkaWQiOi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MCwiUiI6MCwiRyI6MCwiQiI6MH19LCJJc1Zpc2libGUiOnRydWUsIldpZHRoIjowLjAsIkhlaWdodCI6MC4wLCJCb3JkZXJTdHlsZSI6bnVsbCwiUGFyZW50U3R5bGUiOm51bGx9LCJUb2RheU1hcmtlcl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jYsIkciOjE3MCwiQiI6NjZ9fSwiSXNWaXNpYmxlIjp0cnVlLCJXaWR0aCI6MTguMCwiSGVpZ2h0IjoyMC4wLCJCb3JkZXJTdHlsZSI6eyIkaWQiOiIxMjEiLCJMaW5lQ29sb3IiOnsiJGlkIjoiMTIyIiwiJHR5cGUiOiJOTFJFLkNvbW1vbi5Eb20uU29saWRDb2xvckJydXNoLCBOTFJFLkNvbW1vbiIsIkNvbG9yIjp7IiRpZCI6IjEyMyIsIkEiOjI1NSwiUiI6MjM0LCJHIjoyMiwiQiI6Mz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CwiRyI6MCwiQiI6MH19LCJJc1Zpc2libGUiOnRydWUsIldpZHRoIjowLjAsIkhlaWdodCI6MC4wLCJCb3JkZXJTdHlsZSI6bnVsbCwiUGFyZW50U3R5bGUiOm51bGx9LCJEYXRlU3R5bGUiOnsiJGlkIjoiMTMyIiwiRm9udFNldHRpbmdzIjp7IiRpZCI6IjEzMyIsIkZvbnRTaXplIjoxMC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wLCJHIjowLCJCIjowfX0sIklzVmlzaWJsZSI6dHJ1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AsIkciOjAsIkIiOjB9fSwiSXNWaXNpYmxlIjp0cnVlLCJXaWR0aCI6MC4wLCJIZWlnaHQiOjAuMCwiQm9yZGVyU3R5bGUiOm51bGw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CIsIlRvcCI6MC4wLCJMZWZ0IjowLjAsIlJpZ2h0IjowLjAsIkJvdHRvbSI6MC4wfSwiUGFkZGluZyI6eyIkaWQiOiIxNjkiLCJUb3AiOjAuMCwiTGVmdCI6MC4wLCJSaWdodCI6MC4wLCJCb3R0b20iOjAuMH0sIkJhY2tncm91bmQiOnsiJGlkIjoiMTcwIiwiQ29sb3IiOnsiJGlkIjoiMTcxIiwiQSI6MCwiUiI6MCwiRyI6MCwiQiI6MH19LCJJc1Zpc2libGUiOnRydWUsIldpZHRoIjowLjAsIkhlaWdodCI6MC4wLCJCb3JkZXJTdHlsZSI6bnVsbCwiUGFyZW50U3R5bGUiOm51bGx9LCJEYXRlRm9ybWF0Ijp7IiRpZCI6IjE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iLCJGb3JtYXQiOjAsIklzVmlzaWJsZSI6ZmFsc2UsIkxhc3RLbm93blZpc2liaWxpdHlTdGF0ZSI6ZmFsc2V9LCJJc1Zpc2libGUiOnRydWUsIlBhcmVudFN0eWxlIjpudWxsfSwiRGVmYXVsdFRhc2tTdHlsZSI6eyIkaWQiOiIxNzQiLCJTaGFwZSI6MiwiU2hhcGVUaGlja25lc3MiOjEsIkR1cmF0aW9uRm9ybWF0IjowLCJJbmNsdWRlTm9uV29ya2luZ0RheXNJbkR1cmF0aW9uIjpmYWxzZSwiUGVyY2VudGFnZUNvbXBsZXRl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4wLCJMZWZ0IjowLjAsIlJpZ2h0IjowLjAsIkJvdHRvbSI6MC4wfSwiUGFkZGluZyI6eyIkaWQiOiIxODAiLCJUb3AiOjAuMCwiTGVmdCI6MC4wLCJSaWdodCI6MC4wLCJCb3R0b20iOjAuMH0sIkJhY2tncm91bmQiOnsiJGlkIjoiMTgxIiwiQ29sb3IiOnsiJGlkIjoiMTgyIiwiQSI6ODksIlIiOjAsIkciOjAsIkIiOjB9fSwiSXNWaXNpYmxlIjp0cnVlLCJXaWR0aCI6MC4wLCJIZWlnaHQiOjAuMCwiQm9yZGVyU3R5bGUiOm51bGwsIlBhcmVudFN0eWxlIjpudWxsfSwiRHVyYXRpb25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AsIkZvcmVncm91bmQiOnsiJGlkIjoiMjA3IiwiQ29sb3IiOnsiJGlkIjoiMjA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MCwiUiI6MjU1LCJHIjoyNTUsIkIiOjI1NX19LCJJc1Zpc2libGUiOnRydWUsIldpZHRoIjowLjAsIkhlaWdodCI6MC4wLCJCb3JkZXJTdHlsZSI6bnVsbC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wLCJSIjoyNTUsIkciOjI1NSwiQiI6MjU1fX0sIklzVmlzaWJsZSI6dHJ1ZSwiV2lkdGgiOjAuMCwiSGVpZ2h0IjowLjAsIkJvcmRlclN0eWxlIjpudWxsLCJQYXJlbnRTdHlsZSI6bnVsbH0sIkRhdGVGb3JtYXQiOnsiJGlkIjoiM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iIsIkZvcm1hdCI6MCwiSXNWaXNpYmxlIjpmYWxzZSwiTGFzdEtub3duVmlzaWJpbGl0eVN0YXRlIjpmYWxzZX0sIklzVmlzaWJsZSI6dHJ1ZSwiUGFyZW50U3R5bGUiOm51bGwsIl9leHBsaWNpdGx5U2V0Ijp7IiRpZCI6IjI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GlkIjoiMjM1IiwiQ29sb3IiOnsiJGlkIjoiMjM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GlkIjoiMjM5IiwiQ29sb3IiOnsiJGlkIjoiMjQwIiwiQSI6MCwiUiI6MCwiRyI6MCwiQiI6MH19LCJJc1Zpc2libGUiOnRydWUsIldpZHRoIjowLjAsIkhlaWdodCI6MC4wLCJCb3JkZXJTdHlsZSI6bnVsbCwiUGFyZW50U3R5bGUiOm51bGx9LCJEYXRlU3R5bGUiOnsiJGlkIjoiMjQxIiwiRm9udFNldHRpbmdzIjp7IiRpZCI6IjI0MiIsIkZvbnRTaXplIjoxMCwiRm9udE5hbWUiOiJDYWxpYnJpIiwiSXNCb2xkIjpmYWxzZSwiSXNJdGFsaWMiOmZhbHNlLCJJc1VuZGVybGluZWQiOmZhbHNlLCJQYXJlbnRTdHlsZSI6bnVsbH0sIkF1dG9TaXplIjowLCJGb3JlZ3JvdW5kIjp7IiRpZCI6IjI0MyIsIkNvbG9yIjp7IiRpZCI6IjI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wLCJHIjowLCJCIjowfX0sIklzVmlzaWJsZSI6dHJ1ZSwiV2lkdGgiOjAuMCwiSGVpZ2h0IjowLjAsIkJvcmRlclN0eWxlIjpudWxsLCJQYXJlbnRTdHlsZSI6bnVsbH0sIkRhdGVGb3JtYXQiOnsiJGlkIjoiMj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UmVjdGFuZ2xl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MjU1LCJSIjoyNiwiRyI6MTcwLCJCIjo2Nn19LCJJc1Zpc2libGUiOnRydWUsIldpZHRoIjowLjAsIkhlaWdodCI6MC4wLCJCb3JkZXJTdHlsZSI6eyIkaWQiOiIyODgiLCJMaW5lQ29sb3IiOnsiJGlkIjoiMjg5IiwiJHR5cGUiOiJOTFJFLkNvbW1vbi5Eb20uU29saWRDb2xvckJydXNoLCBOTFJFLkNvbW1vbiIsIkNvbG9yIjp7IiRpZCI6IjI5MCIsIkEiOjI1NSwiUiI6MjU1LCJHIjowLCJCIjowfX0sIkxpbmVXZWlnaHQiOjAuMCwiTGluZVR5cGUiOjAsIlBhcmVudFN0eWxlIjpudWxsfS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QmFja2dyb3VuZF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4OSwiUiI6MCwiRyI6MCwiQiI6MH19LCJJc1Zpc2libGUiOnRydWUsIldpZHRoIjowLjAsIkhlaWdodCI6MC4wLCJCb3JkZXJTdHlsZSI6bnVsbC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aWQiOiIz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wLCJSIjowLCJHIjowLCJCIjowfX0sIklzVmlzaWJsZSI6dHJ1ZSwiV2lkdGgiOjAuMCwiSGVpZ2h0IjowLjAsIkJvcmRlclN0eWxlIjpudWxsLCJQYXJlbnRTdHlsZSI6bnVsbH0sIkRhdGVTdHlsZSI6eyIkaWQiOiIzNDAiLCJGb250U2V0dGluZ3MiOnsiJGlkIjoiMzQxIiwiRm9udFNpemUiOjEwLCJGb250TmFtZSI6IkNhbGlicmkiLCJJc0JvbGQiOmZhbHNlLCJJc0l0YWxpYyI6ZmFsc2UsIklzVW5kZXJsaW5lZCI6ZmFsc2UsIlBhcmVudFN0eWxlIjpudWxsfSwiQXV0b1NpemUiOjAsIkZvcmVncm91bmQiOnsiJGlkIjoiMzQyIiwiQ29sb3IiOnsiJGlkIjoiMz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DQiLCJUb3AiOjAuMCwiTGVmdCI6MC4wLCJSaWdodCI6MC4wLCJCb3R0b20iOjAuMH0sIlBhZGRpbmciOnsiJGlkIjoiMzQ1IiwiVG9wIjowLjAsIkxlZnQiOjAuMCwiUmlnaHQiOjAuMCwiQm90dG9tIjowLjB9LCJCYWNrZ3JvdW5kIjp7IiRpZCI6IjM0NiIsIkNvbG9yIjp7IiRpZCI6IjM0NyIsIkEiOjAsIlIiOjAsIkciOjAsIkIiOjB9fSwiSXNWaXNpYmxlIjp0cnVlLCJXaWR0aCI6MC4wLCJIZWlnaHQiOjAuMCwiQm9yZGVyU3R5bGUiOm51bGwsIlBhcmVudFN0eWxlIjpudWxsfSwiRGF0ZUZvcm1hdCI6eyIkaWQiOiIz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IiwiRm9ybWF0IjowLCJJc1Zpc2libGUiOmZhbHNlLCJMYXN0S25vd25WaXNpYmlsaXR5U3RhdGUiOmZhbHNlfSwiSXNWaXNpYmxlIjp0cnVlLCJQYXJlbnRTdHlsZSI6bnVsbCwiX2V4cGxpY2l0bHlTZXQiOnsiJGlkIjoiMz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OSIsIlRvcCI6MC4wLCJMZWZ0IjowLjAsIlJpZ2h0IjowLjAsIkJvdHRvbSI6MC4wfSwiUGFkZGluZyI6eyIkaWQiOiIzNzAiLCJUb3AiOjAuMCwiTGVmdCI6MC4wLCJSaWdodCI6MC4wLCJCb3R0b20iOjAuMH0sIkJhY2tncm91bmQiOnsiJGlkIjoiMzcxIiwiQ29sb3IiOnsiJGlkIjoiMzcyIiwiQSI6MCwiUiI6MCwiRyI6MCwiQiI6MH19LCJJc1Zpc2libGUiOnRydWUsIldpZHRoIjowLjAsIkhlaWdodCI6MC4wLCJCb3JkZXJTdHlsZSI6bnVsbC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wLCJHIjowLCJCIjowfX0sIklzVmlzaWJsZSI6dHJ1ZSwiV2lkdGgiOjAuMCwiSGVpZ2h0IjowLjAsIkJvcmRlclN0eWxlIjpudWxsLCJQYXJlbnRTdHlsZSI6bnVsbH0sIkRhdGVGb3JtYXQiOnsiJGlkIjoi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MCwiUiI6MCwiRyI6MCwiQiI6MH19LCJJc1Zpc2libGUiOnRydWUsIldpZHRoIjowLjAsIkhlaWdodCI6MC4wLCJCb3JkZXJTdHlsZSI6bnVsbC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wLCJSIjowLCJHIjowLCJCIjowfX0sIklzVmlzaWJsZSI6dHJ1ZSwiV2lkdGgiOjAuMCwiSGVpZ2h0IjowLjAsIkJvcmRlclN0eWxlIjpudWxsLCJQYXJlbnRTdHlsZSI6bnVsbH0sIkRhdGVGb3JtYXQiOnsiJGlkIjoiN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kJhY2tncm91bmRTdHlsZSI6eyIkaWQiOiI0MjgiLCJNYXJnaW4iOnsiJGlkIjoiNDI5IiwiVG9wIjowLjAsIkxlZnQiOjAuMCwiUmlnaHQiOjAuMCwiQm90dG9tIjowLjB9LCJQYWRkaW5nIjp7IiRpZCI6IjQzMCIsIlRvcCI6MC4wLCJMZWZ0IjowLjAsIlJpZ2h0IjowLjAsIkJvdHRvbSI6MC4wfSwiQmFja2dyb3VuZCI6eyIkaWQiOiI0MzEiLCJDb2xvciI6eyIkaWQiOiI0MzIiLCJBIjo1MSwiUiI6MjYsIkciOjE3MCwiQiI6NjZ9fSwiSXNWaXNpYmxlIjp0cnVlLCJXaWR0aCI6MC4wLCJIZWlnaHQiOjAuMC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zIiwiVG9wIjowLjAsIkxlZnQiOjAuMCwiUmlnaHQiOjAuMCwiQm90dG9tIjowLjB9LCJQYWRkaW5nIjp7IiRpZCI6IjQ5NCIsIlRvcCI6MC4wLCJMZWZ0IjowLjAsIlJpZ2h0IjowLjAsIkJvdHRvbSI6MC4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RhdGVGb3JtYXQiOnsiJGlkIjoiN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4OSwiUiI6MCwiRyI6MCwiQiI6MH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aWQiOiI1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yNiIsIk1hcmdpbiI6eyIkaWQiOiI1MjciLCJUb3AiOjAuMCwiTGVmdCI6NC4wLCJSaWdodCI6NC4wLCJCb3R0b20iOjAuMH0sIlBhZGRpbmciOnsiJGlkIjoiNTI4IiwiVG9wIjowLjAsIkxlZnQiOjAuMCwiUmlnaHQiOjAuMCwiQm90dG9tIjowLjB9LCJCYWNrZ3JvdW5kIjp7IiRpZCI6IjUyOSIsIkNvbG9yIjp7IiRpZCI6IjUzMCIsIkEiOjI1NSwiUiI6MjYsIkciOjE3MCwiQiI6NjZ9fSwiSXNWaXNpYmxlIjp0cnVlLCJXaWR0aCI6MC4wLCJIZWlnaHQiOjE2LjA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Gb3JtYXQiOnsiJGlkIjoiN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AsIlIiOjI1NSwiRyI6MjU1LCJCIjoyNTV9fSwiSXNWaXNpYmxlIjp0cnVlLCJXaWR0aCI6MC4wLCJIZWlnaHQiOjAuMCwiQm9yZGVyU3R5bGUiOnsiJGlkIjoiNjA1IiwiTGluZUNvbG9yIjpudWxsLCJMaW5lV2VpZ2h0IjowLjAsIkxpbmVUeXBlIjowLCJQYXJlbnRTdHlsZSI6bnVsbH0sIlBhcmVudFN0eWxlIjpudWxsfSwiRGF0ZUZvcm1hdCI6eyIkaWQiOiI2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1IiwiVG9wIjowLjAsIkxlZnQiOjAuMCwiUmlnaHQiOjAuMCwiQm90dG9tIjowLjB9LCJQYWRkaW5nIjp7IiRpZCI6IjY1NiIsIlRvcCI6MC4wLCJMZWZ0IjowLjAsIlJpZ2h0IjowLjAsIkJvdHRvbSI6MC4wfSwiQmFja2dyb3VuZCI6eyIkaWQiOiI2NTciLCJDb2xvciI6eyIkaWQiOiI2NTgiLCJBIjowLCJSIjowLCJHIjowLCJCIjowfX0sIklzVmlzaWJsZSI6dHJ1ZSwiV2lkdGgiOjAuMCwiSGVpZ2h0IjowLjAsIkJvcmRlclN0eWxlIjp7IiRpZCI6IjY1OSIsIkxpbmVDb2xvciI6bnVsbCwiTGluZVdlaWdodCI6MC4wLCJMaW5lVHlwZSI6MCwiUGFyZW50U3R5bGUiOm51bGx9LCJQYXJlbnRTdHlsZSI6bnVsbH0sIkRhdGVGb3JtYXQiOnsiJGlkIjoiN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4OSwiUiI6MCwiRyI6MCwiQiI6MH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cwMCIsIlRvcCI6MC4wLCJMZWZ0IjowLjAsIlJpZ2h0IjowLjAsIkJvdHRvbSI6MC4wfSwiUGFkZGluZyI6eyIkaWQiOiI3MDEiLCJUb3AiOjAuMCwiTGVmdCI6MC4wLCJSaWdodCI6MC4wLCJCb3R0b20iOjAu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EYXRlU3R5bGUiOnsiJGlkIjoiNzA1IiwiRm9udFNldHRpbmdzIjp7IiRpZCI6IjcwNiIsIkZvbnRTaXplIjoxMCwiRm9udE5hbWUiOiJDYWxpYnJpIiwiSXNCb2xkIjpmYWxzZSwiSXNJdGFsaWMiOmZhbHNlLCJJc1VuZGVybGluZWQiOmZhbHNlLCJQYXJlbnRTdHlsZSI6bnVsbH0sIkF1dG9TaXplIjowLCJGb3JlZ3JvdW5kIjp7IiRpZCI6IjcwNyIsIkNvbG9yIjp7IiRpZCI6Ijc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pZCI6Ijc1NyIsIkEiOjAsIlIiOjI1NSwiRyI6MjU1LCJCIjoyNTV9fSwiSXNWaXNpYmxlIjp0cnVlLCJXaWR0aCI6MC4wLCJIZWlnaHQiOjAuMCwiQm9yZGVyU3R5bGUiOnsiJGlkIjoiNzU4IiwiTGluZUNvbG9yIjpudWxsLCJMaW5lV2VpZ2h0IjowLjAsIkxpbmVUeXBlIjowLCJQYXJlbnRTdHlsZSI6bnVsbH0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Rm9ybWF0Ijp7IiRpZCI6Ijc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NS4wLFwiTGVmdFwiOjEzLjAsXCJSaWdodFwiOjEzLjAsXCJCb3R0b21cIjo1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Q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0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N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dHJ1ZSxcIkVsYXBzZWRUaW1lRm9ybWF0XCI6MS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TE1LFwiR1wiOjExNSxcIkJcIjoxMT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C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guMCxcIkhlaWdodFwiOjIw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ixcIlNoYXBlVGhpY2tuZXNzXCI6MS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Ni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0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S4wLFwiTGVmdFwiOjEzLjAsXCJSaWdodFwiOjEzLjAsXCJCb3R0b21cIjo1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y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wLFwiRW5kRGF0ZVBvc2l0aW9uXCI6M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YsXCJHXCI6MTcwLFwiQlwiOjY2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2LFwiR1wiOjE3MCxcIkJcIjo2Nn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w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ixcIkdcIjoxNzAsXCJCXCI6NjZ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5ZWYxMjkxMS01MGJiLTRiZWMtOTI4OS00NWU5MDQ5N2Q4M2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ixcIkdcIjoxNzAsXCJCXCI6Nj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YsXCJHXCI6MTcwLFwiQlwiOjY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g5LFwiR1wiOjMx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2LFwiR1wiOjE3MCxcIkJcIjo2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ixcIkdcIjoxNzAsXCJCXCI6NjZ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YsXCJHXCI6MTcwLFwiQlwiOjY2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i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0LFwiVGl0bGVQb3NpdGlvblwiOjI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YsXCJHXCI6MTcwLFwiQlwiOjY2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E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2LFwiR1wiOjE3MCxcIkJcIjo2Nn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yNixcIkdcIjoxNzAsXCJCXCI6NjZ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3NzQiLCJJbXBhT3B0aW9ucyI6eyIkaWQiOiI3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NzYiLCJVc2VUaW1lIjpmYWxzZSwiV29ya0RheVN0YXJ0IjoiMDA6MDA6MDAiLCJXb3JrRGF5RW5kIjoiMjM6NTk6MDAifSwiTGFzdFVzZWRUZW1wbGF0ZUlkIjoiYzExZjZmNDktN2RiOC00NWZkLWJhMzItYmZjYWVhNDkyZjM5IiwiTGFzdFVzZWRUaGVtZURldGFpbHMiOnsiJGlkIjoiNzc3IiwiSWQiOiJlOWE2ZDg4NC1lNmU0LTQ0NTQtYjkzOS05ZDc4MDEyYWVmMDAiLCJUaXRsZSI6IlVudGl0bGVkIHRoZW1lIiwiQ2F0ZWdvcnkiOjJ9LCJGaXJzdFdlZWtPZlllYXIiOjAsIlBsYWNlTWlsZXN0b25lQXRUaGVCZWdpbm5pbmdPZlRoZURheSI6ZmFsc2UsIkRlcGVuZGVuY3lTY2hlZHVsaW5nU2V0dGluZ3MiOnsiJGlkIjoiNzc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EllipseTimeband"/>
  <p:tag name="OTLTIMEBANDSHAPEHEIGHT" val="30"/>
  <p:tag name="OTLTIMEBANDSHAPEPADDINGLEFT" val="13"/>
  <p:tag name="OTLTIMEBANDCULTUREINFO" val="en-US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QUICKPOSITION" val="Custom"/>
  <p:tag name="OTLTIMEBANDENDDATE" val="2025-02-03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03T00:00:00.0000000Z"/>
  <p:tag name="OTLENDDATE" val="2024-07-12T23:59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08T00:00:00.0000000Z"/>
  <p:tag name="OTLENDDATE" val="2024-07-21T23:59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22T00:00:00.0000000Z"/>
  <p:tag name="OTLENDDATE" val="2025-01-15T23:59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Regular"/>
  <p:tag name="OTLSTARTDATE" val="2025-01-15T00:00:00.0000000Z"/>
  <p:tag name="OTLENDDATE" val="2025-01-21T23:59:00.0000000Z"/>
  <p:tag name="OTLDURATIONFORMAT" val="weeks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Regular"/>
  <p:tag name="OTLSTARTDATE" val="2025-01-21T00:00:00.0000000Z"/>
  <p:tag name="OTLENDDATE" val="2025-02-03T23:59:00.0000000Z"/>
  <p:tag name="OTLDURATIONFORMAT" val="weeks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22T00:00:00.0000000Z"/>
  <p:tag name="OTLENDDATE" val="2025-01-15T23:59:00.0000000Z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Rancho Template">
  <a:themeElements>
    <a:clrScheme name="Rancho Orange/Brown/Green">
      <a:dk1>
        <a:srgbClr val="591F00"/>
      </a:dk1>
      <a:lt1>
        <a:srgbClr val="61AB33"/>
      </a:lt1>
      <a:dk2>
        <a:srgbClr val="3E3D2D"/>
      </a:dk2>
      <a:lt2>
        <a:srgbClr val="F58220"/>
      </a:lt2>
      <a:accent1>
        <a:srgbClr val="7AC143"/>
      </a:accent1>
      <a:accent2>
        <a:srgbClr val="71685A"/>
      </a:accent2>
      <a:accent3>
        <a:srgbClr val="FF6700"/>
      </a:accent3>
      <a:accent4>
        <a:srgbClr val="909465"/>
      </a:accent4>
      <a:accent5>
        <a:srgbClr val="956B43"/>
      </a:accent5>
      <a:accent6>
        <a:srgbClr val="FEA022"/>
      </a:accent6>
      <a:hlink>
        <a:srgbClr val="E68200"/>
      </a:hlink>
      <a:folHlink>
        <a:srgbClr val="FFA94A"/>
      </a:folHlink>
    </a:clrScheme>
    <a:fontScheme name="Austin">
      <a:majorFont>
        <a:latin typeface="Century Gothic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Austin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  <a:lumMod val="100000"/>
              </a:schemeClr>
            </a:gs>
          </a:gsLst>
          <a:lin ang="5040000" scaled="1"/>
        </a:gradFill>
        <a:gradFill rotWithShape="1">
          <a:gsLst>
            <a:gs pos="0">
              <a:schemeClr val="phClr"/>
            </a:gs>
            <a:gs pos="100000">
              <a:schemeClr val="phClr">
                <a:shade val="75000"/>
                <a:satMod val="120000"/>
                <a:lumMod val="9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25400" dir="5400000" rotWithShape="0">
              <a:srgbClr val="000000">
                <a:alpha val="28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20400000"/>
            </a:lightRig>
          </a:scene3d>
          <a:sp3d>
            <a:bevelT w="50800" h="12700" prst="softRound"/>
          </a:sp3d>
        </a:effectStyle>
        <a:effectStyle>
          <a:effectLst>
            <a:outerShdw blurRad="44450" dist="50800" dir="5400000" sx="96000" rotWithShape="0">
              <a:srgbClr val="000000">
                <a:alpha val="3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20400000"/>
            </a:lightRig>
          </a:scene3d>
          <a:sp3d contourW="15875" prstMaterial="metal">
            <a:bevelT w="101600" h="25400" prst="softRound"/>
            <a:contourClr>
              <a:schemeClr val="phClr">
                <a:shade val="3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shade val="94000"/>
                <a:satMod val="114000"/>
                <a:lumMod val="96000"/>
              </a:schemeClr>
            </a:gs>
            <a:gs pos="62000">
              <a:schemeClr val="phClr">
                <a:tint val="92000"/>
                <a:shade val="66000"/>
                <a:satMod val="110000"/>
                <a:lumMod val="80000"/>
              </a:schemeClr>
            </a:gs>
            <a:gs pos="100000">
              <a:schemeClr val="phClr">
                <a:tint val="89000"/>
                <a:shade val="62000"/>
                <a:satMod val="110000"/>
                <a:lumMod val="72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tint val="80000"/>
                <a:shade val="58000"/>
              </a:schemeClr>
              <a:schemeClr val="phClr">
                <a:tint val="73000"/>
                <a:shade val="68000"/>
                <a:satMod val="150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F293AB38-1E92-484D-B92C-660AB9A5CF77}" vid="{FAA09787-5028-A943-A3AB-43042BDE705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209d8e96-b590-4c67-b937-438c1de1e348">
      <Terms xmlns="http://schemas.microsoft.com/office/infopath/2007/PartnerControls"/>
    </lcf76f155ced4ddcb4097134ff3c332f>
    <TaxCatchAll xmlns="25b1a171-863c-4abe-92af-ec8b1e445ae7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A2E9977B80AA34ABC926DE5A9F8489D" ma:contentTypeVersion="14" ma:contentTypeDescription="Create a new document." ma:contentTypeScope="" ma:versionID="2e952877038ee09ca67129f7af4e5c71">
  <xsd:schema xmlns:xsd="http://www.w3.org/2001/XMLSchema" xmlns:xs="http://www.w3.org/2001/XMLSchema" xmlns:p="http://schemas.microsoft.com/office/2006/metadata/properties" xmlns:ns2="209d8e96-b590-4c67-b937-438c1de1e348" xmlns:ns3="25b1a171-863c-4abe-92af-ec8b1e445ae7" targetNamespace="http://schemas.microsoft.com/office/2006/metadata/properties" ma:root="true" ma:fieldsID="01568a4fc2621ef9fea3b464c0e94287" ns2:_="" ns3:_="">
    <xsd:import namespace="209d8e96-b590-4c67-b937-438c1de1e348"/>
    <xsd:import namespace="25b1a171-863c-4abe-92af-ec8b1e445ae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MediaServiceSearchPropertie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09d8e96-b590-4c67-b937-438c1de1e34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9" nillable="true" ma:taxonomy="true" ma:internalName="lcf76f155ced4ddcb4097134ff3c332f" ma:taxonomyFieldName="MediaServiceImageTags" ma:displayName="Image Tags" ma:readOnly="false" ma:fieldId="{5cf76f15-5ced-4ddc-b409-7134ff3c332f}" ma:taxonomyMulti="true" ma:sspId="43044ea9-c86f-4b2d-9feb-096131697f1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5b1a171-863c-4abe-92af-ec8b1e445ae7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7310033c-e8a6-4cda-aa93-3e43bac18d52}" ma:internalName="TaxCatchAll" ma:showField="CatchAllData" ma:web="25b1a171-863c-4abe-92af-ec8b1e445ae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5E3B8DD-3E85-42A4-894A-354720BCD37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B53727B-8E9F-49C8-9657-751A039BF2A8}">
  <ds:schemaRefs>
    <ds:schemaRef ds:uri="209d8e96-b590-4c67-b937-438c1de1e348"/>
    <ds:schemaRef ds:uri="25b1a171-863c-4abe-92af-ec8b1e445ae7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CC0D7BA7-F609-450C-B185-898948268B90}">
  <ds:schemaRefs>
    <ds:schemaRef ds:uri="209d8e96-b590-4c67-b937-438c1de1e348"/>
    <ds:schemaRef ds:uri="25b1a171-863c-4abe-92af-ec8b1e445ae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Internal Kickoff Template</Template>
  <Application>Microsoft Office PowerPoint</Application>
  <PresentationFormat>Widescreen</PresentationFormat>
  <Slides>25</Slides>
  <Notes>1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26" baseType="lpstr">
      <vt:lpstr>Rancho Template</vt:lpstr>
      <vt:lpstr>High Content Data Extraction: Update Meeting</vt:lpstr>
      <vt:lpstr>Agenda</vt:lpstr>
      <vt:lpstr>PowerPoint Presentation</vt:lpstr>
      <vt:lpstr>PowerPoint Presentation</vt:lpstr>
      <vt:lpstr>PowerPoint Presentation</vt:lpstr>
      <vt:lpstr>Overall progress – original list</vt:lpstr>
      <vt:lpstr>Overall progress – extended list</vt:lpstr>
      <vt:lpstr>Gene curation plans</vt:lpstr>
      <vt:lpstr>Other Topics</vt:lpstr>
      <vt:lpstr>Other Topics</vt:lpstr>
      <vt:lpstr>PowerPoint Presentation</vt:lpstr>
      <vt:lpstr>Meeting Minutes 25-Nov-2024</vt:lpstr>
      <vt:lpstr>PowerPoint Presentation</vt:lpstr>
      <vt:lpstr>Meeting Minutes 15-Nov-2024</vt:lpstr>
      <vt:lpstr>Meeting Minutes 15-Nov-2024</vt:lpstr>
      <vt:lpstr>Meeting Minutes 28-Oct-2024</vt:lpstr>
      <vt:lpstr>Meeting Minutes 30-Sep-2024</vt:lpstr>
      <vt:lpstr>Meeting Minutes 16-Sep-2024</vt:lpstr>
      <vt:lpstr>Meeting Minutes 04-Sep-2024</vt:lpstr>
      <vt:lpstr>Meeting Minutes 19-Aug-2024</vt:lpstr>
      <vt:lpstr>Meeting Minutes 05-Aug-2024</vt:lpstr>
      <vt:lpstr>Meeting Minutes 22-Jul-2024</vt:lpstr>
      <vt:lpstr>Meeting Minutes 22-Jul-2024</vt:lpstr>
      <vt:lpstr>Meeting Minutes 11-Jul-2024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nal Kickoff</dc:title>
  <dc:creator>Oleg Stroganov</dc:creator>
  <cp:revision>1</cp:revision>
  <cp:lastPrinted>2013-02-20T16:45:06Z</cp:lastPrinted>
  <dcterms:created xsi:type="dcterms:W3CDTF">2020-09-02T20:00:14Z</dcterms:created>
  <dcterms:modified xsi:type="dcterms:W3CDTF">2024-11-25T23:10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A2E9977B80AA34ABC926DE5A9F8489D</vt:lpwstr>
  </property>
  <property fmtid="{D5CDD505-2E9C-101B-9397-08002B2CF9AE}" pid="3" name="AuthorIds_UIVersion_512">
    <vt:lpwstr>40</vt:lpwstr>
  </property>
  <property fmtid="{D5CDD505-2E9C-101B-9397-08002B2CF9AE}" pid="4" name="MediaServiceImageTags">
    <vt:lpwstr/>
  </property>
</Properties>
</file>